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0_03人口・労働統計課\01人口\02_人口統計\03年齢別\R2年齢別\04_R2公表資料\02_ホームページ\"/>
    </mc:Choice>
  </mc:AlternateContent>
  <bookViews>
    <workbookView xWindow="-15" yWindow="-15" windowWidth="20550" windowHeight="4140"/>
  </bookViews>
  <sheets>
    <sheet name="表１・２" sheetId="4" r:id="rId1"/>
    <sheet name="表３" sheetId="5" r:id="rId2"/>
    <sheet name="表４・5" sheetId="6" r:id="rId3"/>
    <sheet name="表６" sheetId="7" r:id="rId4"/>
    <sheet name="表７" sheetId="38" r:id="rId5"/>
    <sheet name="表８" sheetId="9" r:id="rId6"/>
    <sheet name="表９" sheetId="10" r:id="rId7"/>
    <sheet name="表10" sheetId="11" r:id="rId8"/>
    <sheet name="表11-1" sheetId="12" r:id="rId9"/>
    <sheet name="表11-2" sheetId="13" r:id="rId10"/>
    <sheet name="表11-3" sheetId="14" r:id="rId11"/>
    <sheet name="表12" sheetId="15" r:id="rId12"/>
    <sheet name="表13" sheetId="16" r:id="rId13"/>
    <sheet name="表14-1" sheetId="17" r:id="rId14"/>
    <sheet name="表14-2" sheetId="18" r:id="rId15"/>
    <sheet name="表14-3" sheetId="19" r:id="rId16"/>
    <sheet name="表14-4" sheetId="20" r:id="rId17"/>
    <sheet name="表14-5" sheetId="21" r:id="rId18"/>
    <sheet name="表14-6" sheetId="22" r:id="rId19"/>
    <sheet name="表14-7" sheetId="23" r:id="rId20"/>
    <sheet name="表15-1" sheetId="24" r:id="rId21"/>
    <sheet name="表15-2" sheetId="25" r:id="rId22"/>
    <sheet name="表15-3" sheetId="26" r:id="rId23"/>
    <sheet name="表15-4" sheetId="27" r:id="rId24"/>
    <sheet name="表15-5" sheetId="28" r:id="rId25"/>
    <sheet name="表15-6" sheetId="29" r:id="rId26"/>
    <sheet name="表15-7" sheetId="30" r:id="rId27"/>
    <sheet name="表16-1" sheetId="31" r:id="rId28"/>
    <sheet name="表16-2" sheetId="32" r:id="rId29"/>
    <sheet name="表16-3" sheetId="33" r:id="rId30"/>
    <sheet name="表16-4" sheetId="34" r:id="rId31"/>
    <sheet name="参考資料１" sheetId="35" r:id="rId32"/>
    <sheet name="参考資料２" sheetId="36" r:id="rId33"/>
  </sheets>
  <definedNames>
    <definedName name="_xlnm.Print_Area" localSheetId="31">参考資料１!$A$1:$K$76</definedName>
    <definedName name="_xlnm.Print_Area" localSheetId="32">参考資料２!$A$1:$L$60</definedName>
    <definedName name="_xlnm.Print_Area" localSheetId="0">表１・２!$A$1:$I$61</definedName>
    <definedName name="_xlnm.Print_Area" localSheetId="8">'表11-1'!$A$1:$Z$81</definedName>
    <definedName name="_xlnm.Print_Area" localSheetId="9">'表11-2'!$A$1:$Z$81</definedName>
    <definedName name="_xlnm.Print_Area" localSheetId="10">'表11-3'!$A$1:$Z$81</definedName>
    <definedName name="_xlnm.Print_Area" localSheetId="11">表12!$A$1:$K$65</definedName>
    <definedName name="_xlnm.Print_Area" localSheetId="12">表13!$A$1:$K$80</definedName>
    <definedName name="_xlnm.Print_Area" localSheetId="13">'表14-1'!$A$1:$X$65</definedName>
    <definedName name="_xlnm.Print_Area" localSheetId="14">'表14-2'!$A$1:$X$65</definedName>
    <definedName name="_xlnm.Print_Area" localSheetId="15">'表14-3'!$A$1:$X$65</definedName>
    <definedName name="_xlnm.Print_Area" localSheetId="16">'表14-4'!$A$1:$X$65</definedName>
    <definedName name="_xlnm.Print_Area" localSheetId="17">'表14-5'!$A$1:$X$65</definedName>
    <definedName name="_xlnm.Print_Area" localSheetId="18">'表14-6'!$A$1:$X$65</definedName>
    <definedName name="_xlnm.Print_Area" localSheetId="19">'表14-7'!$A$1:$X$65</definedName>
    <definedName name="_xlnm.Print_Area" localSheetId="20">'表15-1'!$A$1:$Y$51</definedName>
    <definedName name="_xlnm.Print_Area" localSheetId="27">'表16-1'!$A$1:$N$72</definedName>
    <definedName name="_xlnm.Print_Area" localSheetId="28">'表16-2'!$A$1:$N$72</definedName>
    <definedName name="_xlnm.Print_Area" localSheetId="29">'表16-3'!$A$1:$N$72</definedName>
    <definedName name="_xlnm.Print_Area" localSheetId="30">'表16-4'!$A$1:$N$72</definedName>
    <definedName name="_xlnm.Print_Area" localSheetId="1">表３!$A$1:$H$72</definedName>
    <definedName name="_xlnm.Print_Area" localSheetId="2">表４・5!$A$1:$I$50</definedName>
    <definedName name="_xlnm.Print_Area" localSheetId="3">表６!$A$1:$N$38</definedName>
    <definedName name="_xlnm.Print_Area" localSheetId="4">表７!$A$1:$N$14</definedName>
    <definedName name="_xlnm.Print_Area" localSheetId="5">表８!$A$1:$I$59</definedName>
    <definedName name="_xlnm.Print_Area" localSheetId="6">表９!$A$1:$I$33</definedName>
  </definedNames>
  <calcPr calcId="152511"/>
</workbook>
</file>

<file path=xl/sharedStrings.xml><?xml version="1.0" encoding="utf-8"?>
<sst xmlns="http://schemas.openxmlformats.org/spreadsheetml/2006/main" count="8586" uniqueCount="1028">
  <si>
    <t>老年人口</t>
    <rPh sb="0" eb="2">
      <t>ロウネン</t>
    </rPh>
    <rPh sb="2" eb="4">
      <t>ジンコウ</t>
    </rPh>
    <phoneticPr fontId="2"/>
  </si>
  <si>
    <t>年少人口指数</t>
    <rPh sb="0" eb="2">
      <t>ネンショウ</t>
    </rPh>
    <rPh sb="2" eb="4">
      <t>ジンコウ</t>
    </rPh>
    <rPh sb="4" eb="6">
      <t>シスウ</t>
    </rPh>
    <phoneticPr fontId="2"/>
  </si>
  <si>
    <t>神　奈　川　県</t>
    <rPh sb="0" eb="7">
      <t>カナガワケン</t>
    </rPh>
    <phoneticPr fontId="2"/>
  </si>
  <si>
    <t>　　調　査　時　点</t>
    <rPh sb="2" eb="5">
      <t>チョウサ</t>
    </rPh>
    <rPh sb="6" eb="9">
      <t>ジテン</t>
    </rPh>
    <phoneticPr fontId="2"/>
  </si>
  <si>
    <t>総　　数</t>
    <rPh sb="0" eb="4">
      <t>ソウスウ</t>
    </rPh>
    <phoneticPr fontId="2"/>
  </si>
  <si>
    <t>年少人口</t>
    <rPh sb="0" eb="2">
      <t>ネンショウ</t>
    </rPh>
    <rPh sb="2" eb="4">
      <t>ジンコウ</t>
    </rPh>
    <phoneticPr fontId="2"/>
  </si>
  <si>
    <t>生産年齢人口</t>
    <rPh sb="0" eb="2">
      <t>セイサン</t>
    </rPh>
    <rPh sb="2" eb="4">
      <t>ネンレイ</t>
    </rPh>
    <rPh sb="4" eb="6">
      <t>ジンコウ</t>
    </rPh>
    <phoneticPr fontId="2"/>
  </si>
  <si>
    <t>年齢不詳</t>
    <rPh sb="0" eb="2">
      <t>ネンレイ</t>
    </rPh>
    <rPh sb="2" eb="4">
      <t>フショウ</t>
    </rPh>
    <phoneticPr fontId="2"/>
  </si>
  <si>
    <t>（各年１月１日現在）</t>
    <rPh sb="1" eb="2">
      <t>カク</t>
    </rPh>
    <rPh sb="2" eb="3">
      <t>ネン</t>
    </rPh>
    <rPh sb="4" eb="5">
      <t>ツキ</t>
    </rPh>
    <rPh sb="6" eb="7">
      <t>ヒ</t>
    </rPh>
    <rPh sb="7" eb="9">
      <t>ゲンザイ</t>
    </rPh>
    <phoneticPr fontId="2"/>
  </si>
  <si>
    <t>（0～14歳）　</t>
    <rPh sb="5" eb="6">
      <t>サイ</t>
    </rPh>
    <phoneticPr fontId="2"/>
  </si>
  <si>
    <t>(15～64歳）</t>
    <rPh sb="6" eb="7">
      <t>サイ</t>
    </rPh>
    <phoneticPr fontId="2"/>
  </si>
  <si>
    <t>(65歳以上）</t>
    <rPh sb="3" eb="4">
      <t>サイ</t>
    </rPh>
    <rPh sb="4" eb="6">
      <t>イジョウ</t>
    </rPh>
    <phoneticPr fontId="2"/>
  </si>
  <si>
    <t>実　　数</t>
    <rPh sb="0" eb="1">
      <t>ジツ</t>
    </rPh>
    <rPh sb="3" eb="4">
      <t>スウ</t>
    </rPh>
    <phoneticPr fontId="2"/>
  </si>
  <si>
    <t>人</t>
    <rPh sb="0" eb="1">
      <t>ニン</t>
    </rPh>
    <phoneticPr fontId="2"/>
  </si>
  <si>
    <t>　構　成　比</t>
    <rPh sb="1" eb="2">
      <t>コウセイヒ</t>
    </rPh>
    <rPh sb="3" eb="4">
      <t>セイ</t>
    </rPh>
    <rPh sb="5" eb="6">
      <t>ヒ</t>
    </rPh>
    <phoneticPr fontId="2"/>
  </si>
  <si>
    <t>％</t>
    <phoneticPr fontId="2"/>
  </si>
  <si>
    <t>全　　　国</t>
    <rPh sb="0" eb="1">
      <t>ゼン</t>
    </rPh>
    <rPh sb="4" eb="5">
      <t>クニ</t>
    </rPh>
    <phoneticPr fontId="2"/>
  </si>
  <si>
    <t>　実　　数</t>
    <rPh sb="1" eb="5">
      <t>ジッスウ</t>
    </rPh>
    <phoneticPr fontId="2"/>
  </si>
  <si>
    <t>（注）</t>
    <rPh sb="1" eb="2">
      <t>チュウ</t>
    </rPh>
    <phoneticPr fontId="2"/>
  </si>
  <si>
    <t>老年人口指数</t>
    <rPh sb="0" eb="2">
      <t>ロウネン</t>
    </rPh>
    <rPh sb="2" eb="4">
      <t>ジンコウ</t>
    </rPh>
    <rPh sb="4" eb="6">
      <t>シスウ</t>
    </rPh>
    <phoneticPr fontId="2"/>
  </si>
  <si>
    <t>従属人口指数</t>
    <rPh sb="0" eb="2">
      <t>ジュウゾク</t>
    </rPh>
    <rPh sb="2" eb="4">
      <t>ジンコウ</t>
    </rPh>
    <rPh sb="4" eb="6">
      <t>シスウ</t>
    </rPh>
    <phoneticPr fontId="2"/>
  </si>
  <si>
    <t>老年化指数</t>
    <rPh sb="0" eb="2">
      <t>ロウネン</t>
    </rPh>
    <rPh sb="2" eb="3">
      <t>カ</t>
    </rPh>
    <rPh sb="3" eb="5">
      <t>シスウ</t>
    </rPh>
    <phoneticPr fontId="2"/>
  </si>
  <si>
    <t>神奈川県</t>
    <rPh sb="0" eb="4">
      <t>カナガワケン</t>
    </rPh>
    <phoneticPr fontId="2"/>
  </si>
  <si>
    <t>全　国</t>
    <rPh sb="0" eb="3">
      <t>ゼンコク</t>
    </rPh>
    <phoneticPr fontId="2"/>
  </si>
  <si>
    <t>年少人口指数＝</t>
    <rPh sb="0" eb="2">
      <t>ネンショウ</t>
    </rPh>
    <rPh sb="2" eb="4">
      <t>ジンコウ</t>
    </rPh>
    <rPh sb="4" eb="6">
      <t>シスウ</t>
    </rPh>
    <phoneticPr fontId="2"/>
  </si>
  <si>
    <t>×１００</t>
    <phoneticPr fontId="2"/>
  </si>
  <si>
    <t>老年人口指数＝　</t>
    <rPh sb="0" eb="1">
      <t>ロウレイ</t>
    </rPh>
    <rPh sb="1" eb="2">
      <t>ネン</t>
    </rPh>
    <rPh sb="2" eb="4">
      <t>ジンコウ</t>
    </rPh>
    <rPh sb="4" eb="6">
      <t>シスウ</t>
    </rPh>
    <phoneticPr fontId="2"/>
  </si>
  <si>
    <t>従属人口指数＝　　　</t>
    <rPh sb="0" eb="2">
      <t>ジュウゾク</t>
    </rPh>
    <rPh sb="2" eb="4">
      <t>ジンコウ</t>
    </rPh>
    <rPh sb="4" eb="6">
      <t>シスウ</t>
    </rPh>
    <phoneticPr fontId="2"/>
  </si>
  <si>
    <t>年少人口＋老年人口</t>
    <rPh sb="0" eb="2">
      <t>ネンショウ</t>
    </rPh>
    <rPh sb="2" eb="4">
      <t>ジンコウ</t>
    </rPh>
    <rPh sb="5" eb="7">
      <t>ロウネン</t>
    </rPh>
    <rPh sb="7" eb="9">
      <t>ジンコウ</t>
    </rPh>
    <phoneticPr fontId="2"/>
  </si>
  <si>
    <t>【表１】年齢（３区分）別人口及び構成比の推移〈神奈川県、全国〉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8">
      <t>コウセイ</t>
    </rPh>
    <rPh sb="18" eb="19">
      <t>ヒ</t>
    </rPh>
    <rPh sb="20" eb="22">
      <t>スイイ</t>
    </rPh>
    <rPh sb="23" eb="27">
      <t>カナガワケン</t>
    </rPh>
    <rPh sb="28" eb="30">
      <t>ゼンコク</t>
    </rPh>
    <phoneticPr fontId="2"/>
  </si>
  <si>
    <t>万人</t>
    <rPh sb="0" eb="1">
      <t>マン</t>
    </rPh>
    <rPh sb="1" eb="2">
      <t>ニン</t>
    </rPh>
    <phoneticPr fontId="2"/>
  </si>
  <si>
    <t>【表２】年齢構造指数の推移〈神奈川県、全国〉</t>
    <rPh sb="1" eb="2">
      <t>ヒョウ</t>
    </rPh>
    <rPh sb="4" eb="6">
      <t>ネンレイ</t>
    </rPh>
    <rPh sb="6" eb="8">
      <t>コウゾウ</t>
    </rPh>
    <rPh sb="8" eb="10">
      <t>シスウ</t>
    </rPh>
    <rPh sb="11" eb="13">
      <t>スイイ</t>
    </rPh>
    <rPh sb="14" eb="18">
      <t>カナガワケン</t>
    </rPh>
    <rPh sb="19" eb="21">
      <t>ゼンコク</t>
    </rPh>
    <phoneticPr fontId="2"/>
  </si>
  <si>
    <t>調査時点（各年１月１日現在）</t>
    <rPh sb="0" eb="2">
      <t>チョウサ</t>
    </rPh>
    <rPh sb="2" eb="4">
      <t>ジテン</t>
    </rPh>
    <rPh sb="5" eb="7">
      <t>カクネン</t>
    </rPh>
    <rPh sb="8" eb="9">
      <t>ツキ</t>
    </rPh>
    <rPh sb="10" eb="11">
      <t>ヒ</t>
    </rPh>
    <rPh sb="11" eb="13">
      <t>ゲンザイ</t>
    </rPh>
    <phoneticPr fontId="2"/>
  </si>
  <si>
    <t>平成</t>
  </si>
  <si>
    <t>構　成　比</t>
    <rPh sb="0" eb="1">
      <t>コウセイヒ</t>
    </rPh>
    <rPh sb="2" eb="3">
      <t>セイ</t>
    </rPh>
    <rPh sb="4" eb="5">
      <t>ヒ</t>
    </rPh>
    <phoneticPr fontId="2"/>
  </si>
  <si>
    <t>老 年 化 指 数＝　　　　</t>
    <rPh sb="0" eb="1">
      <t>ロウ</t>
    </rPh>
    <rPh sb="2" eb="3">
      <t>トシ</t>
    </rPh>
    <rPh sb="4" eb="5">
      <t>カ</t>
    </rPh>
    <rPh sb="6" eb="7">
      <t>ユビ</t>
    </rPh>
    <rPh sb="8" eb="9">
      <t>カズ</t>
    </rPh>
    <phoneticPr fontId="2"/>
  </si>
  <si>
    <t xml:space="preserve">  用している。(単位未満は四捨五入してあり、総人口の数字と内訳の計が一致しない場合がある。）</t>
    <rPh sb="9" eb="11">
      <t>タンイ</t>
    </rPh>
    <rPh sb="11" eb="13">
      <t>ミマン</t>
    </rPh>
    <rPh sb="14" eb="18">
      <t>シシャゴニュウ</t>
    </rPh>
    <rPh sb="23" eb="26">
      <t>ソウジンコウ</t>
    </rPh>
    <rPh sb="27" eb="29">
      <t>スウジ</t>
    </rPh>
    <rPh sb="30" eb="32">
      <t>ウチワケ</t>
    </rPh>
    <rPh sb="33" eb="34">
      <t>ケイ</t>
    </rPh>
    <rPh sb="35" eb="37">
      <t>イッチ</t>
    </rPh>
    <rPh sb="40" eb="42">
      <t>バアイ</t>
    </rPh>
    <phoneticPr fontId="2"/>
  </si>
  <si>
    <t>◆年齢別人口</t>
    <rPh sb="1" eb="4">
      <t>ネンレイベツ</t>
    </rPh>
    <rPh sb="4" eb="6">
      <t>ジンコウ</t>
    </rPh>
    <phoneticPr fontId="2"/>
  </si>
  <si>
    <t>　を基礎人口としているため年齢不詳人口が同数となっている。</t>
    <rPh sb="2" eb="4">
      <t>キソ</t>
    </rPh>
    <rPh sb="4" eb="6">
      <t>ジンコウ</t>
    </rPh>
    <rPh sb="13" eb="15">
      <t>ネンレイ</t>
    </rPh>
    <rPh sb="15" eb="17">
      <t>フショウ</t>
    </rPh>
    <rPh sb="17" eb="19">
      <t>ジンコウ</t>
    </rPh>
    <rPh sb="20" eb="22">
      <t>ドウスウ</t>
    </rPh>
    <phoneticPr fontId="2"/>
  </si>
  <si>
    <t>(注)</t>
    <rPh sb="1" eb="2">
      <t>チュウ</t>
    </rPh>
    <phoneticPr fontId="2"/>
  </si>
  <si>
    <t>29年</t>
    <rPh sb="2" eb="3">
      <t>ネン</t>
    </rPh>
    <phoneticPr fontId="8"/>
  </si>
  <si>
    <t>28年</t>
    <rPh sb="2" eb="3">
      <t>ネン</t>
    </rPh>
    <phoneticPr fontId="8"/>
  </si>
  <si>
    <t>30年</t>
    <rPh sb="2" eb="3">
      <t>ネン</t>
    </rPh>
    <phoneticPr fontId="8"/>
  </si>
  <si>
    <t>-</t>
    <phoneticPr fontId="2"/>
  </si>
  <si>
    <t>-</t>
  </si>
  <si>
    <t>31年</t>
    <rPh sb="2" eb="3">
      <t>ネン</t>
    </rPh>
    <phoneticPr fontId="8"/>
  </si>
  <si>
    <t>2　全国の数値は､総務省統計局発行｢人口推計月報｣による各年１月１日現在推計人口(確定値)を使</t>
    <rPh sb="46" eb="47">
      <t>ツカ</t>
    </rPh>
    <phoneticPr fontId="2"/>
  </si>
  <si>
    <t>3　神奈川県の総数には年齢不詳を含んでいるが、構成比は年齢不詳を除いて算出している。</t>
    <rPh sb="2" eb="6">
      <t>カナガワケン</t>
    </rPh>
    <rPh sb="7" eb="9">
      <t>ソウスウ</t>
    </rPh>
    <rPh sb="11" eb="13">
      <t>ネンレイ</t>
    </rPh>
    <rPh sb="13" eb="15">
      <t>フショウ</t>
    </rPh>
    <rPh sb="16" eb="17">
      <t>フク</t>
    </rPh>
    <rPh sb="23" eb="25">
      <t>コウセイ</t>
    </rPh>
    <rPh sb="25" eb="26">
      <t>ヒ</t>
    </rPh>
    <rPh sb="27" eb="29">
      <t>ネンレイ</t>
    </rPh>
    <rPh sb="29" eb="31">
      <t>フショウ</t>
    </rPh>
    <rPh sb="32" eb="33">
      <t>ノゾ</t>
    </rPh>
    <rPh sb="35" eb="37">
      <t>サンシュツ</t>
    </rPh>
    <phoneticPr fontId="2"/>
  </si>
  <si>
    <t>令和</t>
    <rPh sb="0" eb="2">
      <t>レイワ</t>
    </rPh>
    <phoneticPr fontId="2"/>
  </si>
  <si>
    <t>平成</t>
    <phoneticPr fontId="2"/>
  </si>
  <si>
    <t>1　「平成28年１月１日現在」から「令和２年１月１日現在」までは、平成27年10月１日現在の国勢調査</t>
    <rPh sb="3" eb="5">
      <t>ヘイセイ</t>
    </rPh>
    <rPh sb="7" eb="8">
      <t>ネン</t>
    </rPh>
    <rPh sb="9" eb="10">
      <t>ガツ</t>
    </rPh>
    <rPh sb="11" eb="14">
      <t>ニチゲンザイ</t>
    </rPh>
    <rPh sb="18" eb="20">
      <t>レイワ</t>
    </rPh>
    <rPh sb="21" eb="22">
      <t>ネン</t>
    </rPh>
    <rPh sb="23" eb="24">
      <t>ガツ</t>
    </rPh>
    <rPh sb="25" eb="28">
      <t>ニチゲンザイ</t>
    </rPh>
    <rPh sb="33" eb="35">
      <t>ヘイセイ</t>
    </rPh>
    <rPh sb="37" eb="38">
      <t>ネン</t>
    </rPh>
    <rPh sb="40" eb="41">
      <t>ガツ</t>
    </rPh>
    <rPh sb="42" eb="43">
      <t>ニチ</t>
    </rPh>
    <rPh sb="43" eb="45">
      <t>ゲンザイ</t>
    </rPh>
    <rPh sb="46" eb="48">
      <t>コクセイ</t>
    </rPh>
    <rPh sb="48" eb="50">
      <t>チョウサ</t>
    </rPh>
    <phoneticPr fontId="2"/>
  </si>
  <si>
    <r>
      <rPr>
        <sz val="10"/>
        <rFont val="ＭＳ 明朝"/>
        <family val="1"/>
        <charset val="128"/>
      </rPr>
      <t>２</t>
    </r>
    <r>
      <rPr>
        <sz val="10"/>
        <rFont val="ＭＳ Ｐ明朝"/>
        <family val="1"/>
        <charset val="128"/>
      </rPr>
      <t>年</t>
    </r>
    <rPh sb="1" eb="2">
      <t>ネン</t>
    </rPh>
    <phoneticPr fontId="8"/>
  </si>
  <si>
    <t>【表３】年齢（10歳階級）別、男女別人口及び構成比＜神奈川県＞</t>
    <rPh sb="1" eb="2">
      <t>ヒョウ</t>
    </rPh>
    <rPh sb="4" eb="6">
      <t>ネンレイ</t>
    </rPh>
    <rPh sb="9" eb="10">
      <t>サイ</t>
    </rPh>
    <rPh sb="10" eb="12">
      <t>カイキュウ</t>
    </rPh>
    <rPh sb="13" eb="14">
      <t>ベツ</t>
    </rPh>
    <rPh sb="15" eb="17">
      <t>ダンジョ</t>
    </rPh>
    <rPh sb="17" eb="18">
      <t>ベツ</t>
    </rPh>
    <rPh sb="18" eb="20">
      <t>ジンコウ</t>
    </rPh>
    <rPh sb="20" eb="21">
      <t>オヨ</t>
    </rPh>
    <rPh sb="22" eb="25">
      <t>コウセイヒ</t>
    </rPh>
    <rPh sb="26" eb="30">
      <t>カナガワケン</t>
    </rPh>
    <phoneticPr fontId="2"/>
  </si>
  <si>
    <t>調</t>
    <rPh sb="0" eb="1">
      <t>チョウ</t>
    </rPh>
    <phoneticPr fontId="2"/>
  </si>
  <si>
    <t>総　　数</t>
    <rPh sb="0" eb="1">
      <t>フサ</t>
    </rPh>
    <rPh sb="3" eb="4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査</t>
    <rPh sb="0" eb="1">
      <t>サ</t>
    </rPh>
    <phoneticPr fontId="2"/>
  </si>
  <si>
    <t>年齢階級</t>
    <rPh sb="0" eb="2">
      <t>ネンレイ</t>
    </rPh>
    <rPh sb="2" eb="4">
      <t>カイキュウ</t>
    </rPh>
    <phoneticPr fontId="2"/>
  </si>
  <si>
    <t>年</t>
    <rPh sb="0" eb="1">
      <t>ネン</t>
    </rPh>
    <phoneticPr fontId="2"/>
  </si>
  <si>
    <t>実　　数</t>
    <rPh sb="0" eb="1">
      <t>ミ</t>
    </rPh>
    <rPh sb="3" eb="4">
      <t>カズ</t>
    </rPh>
    <phoneticPr fontId="2"/>
  </si>
  <si>
    <t>構成比</t>
    <rPh sb="0" eb="3">
      <t>コウセイヒ</t>
    </rPh>
    <phoneticPr fontId="2"/>
  </si>
  <si>
    <t>実　　数</t>
  </si>
  <si>
    <t>構成比</t>
  </si>
  <si>
    <t>％</t>
    <phoneticPr fontId="2"/>
  </si>
  <si>
    <t>％</t>
    <phoneticPr fontId="2"/>
  </si>
  <si>
    <t>‐</t>
    <phoneticPr fontId="2"/>
  </si>
  <si>
    <t>‐</t>
    <phoneticPr fontId="2"/>
  </si>
  <si>
    <t>‐</t>
    <phoneticPr fontId="2"/>
  </si>
  <si>
    <t>令</t>
    <rPh sb="0" eb="1">
      <t>レイ</t>
    </rPh>
    <phoneticPr fontId="2"/>
  </si>
  <si>
    <t>和</t>
    <rPh sb="0" eb="1">
      <t>ワ</t>
    </rPh>
    <phoneticPr fontId="2"/>
  </si>
  <si>
    <t>　　  30～39</t>
    <phoneticPr fontId="2"/>
  </si>
  <si>
    <t>　　  40～49</t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現</t>
    <rPh sb="0" eb="1">
      <t>ウツツ</t>
    </rPh>
    <phoneticPr fontId="2"/>
  </si>
  <si>
    <t>在</t>
    <rPh sb="0" eb="1">
      <t>ザイ</t>
    </rPh>
    <phoneticPr fontId="2"/>
  </si>
  <si>
    <t>100歳以上</t>
    <rPh sb="3" eb="6">
      <t>サイイジョウ</t>
    </rPh>
    <phoneticPr fontId="2"/>
  </si>
  <si>
    <t>‐</t>
  </si>
  <si>
    <t>平</t>
    <rPh sb="0" eb="1">
      <t>ヘイ</t>
    </rPh>
    <phoneticPr fontId="2"/>
  </si>
  <si>
    <t>成</t>
    <rPh sb="0" eb="1">
      <t>セイ</t>
    </rPh>
    <phoneticPr fontId="2"/>
  </si>
  <si>
    <t>　　  40～49</t>
    <phoneticPr fontId="2"/>
  </si>
  <si>
    <t>　 　 10～19</t>
  </si>
  <si>
    <t xml:space="preserve"> 　　 20～29</t>
  </si>
  <si>
    <t>　　  30～39</t>
  </si>
  <si>
    <t>　　  40～49</t>
  </si>
  <si>
    <t xml:space="preserve"> 　　 50～59</t>
  </si>
  <si>
    <t>　    60～69</t>
  </si>
  <si>
    <t>　    70～79</t>
  </si>
  <si>
    <t>　    80～89</t>
  </si>
  <si>
    <t>　    90～99</t>
  </si>
  <si>
    <t>（注）　総数には年齢不詳を含んでいるが、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0" eb="22">
      <t>コウセイ</t>
    </rPh>
    <rPh sb="22" eb="23">
      <t>ヒ</t>
    </rPh>
    <rPh sb="24" eb="26">
      <t>ネンレイ</t>
    </rPh>
    <rPh sb="26" eb="28">
      <t>フショウ</t>
    </rPh>
    <rPh sb="29" eb="30">
      <t>ノゾ</t>
    </rPh>
    <rPh sb="32" eb="34">
      <t>サンシュツ</t>
    </rPh>
    <phoneticPr fontId="2"/>
  </si>
  <si>
    <t>【表４】年齢（３区分、５歳階級）別、男女別人口〈神奈川県〉及び性比〈神奈川県、全国〉</t>
    <rPh sb="1" eb="2">
      <t>ヒョウ</t>
    </rPh>
    <rPh sb="4" eb="6">
      <t>ネンレイ</t>
    </rPh>
    <rPh sb="8" eb="10">
      <t>クブン</t>
    </rPh>
    <rPh sb="12" eb="13">
      <t>サイ</t>
    </rPh>
    <rPh sb="13" eb="15">
      <t>カイキュウ</t>
    </rPh>
    <rPh sb="16" eb="17">
      <t>ベツ</t>
    </rPh>
    <rPh sb="18" eb="20">
      <t>ダンジョ</t>
    </rPh>
    <rPh sb="20" eb="21">
      <t>ベツ</t>
    </rPh>
    <rPh sb="21" eb="23">
      <t>ジンコウ</t>
    </rPh>
    <rPh sb="24" eb="28">
      <t>カナガワケン</t>
    </rPh>
    <rPh sb="29" eb="30">
      <t>オヨ</t>
    </rPh>
    <rPh sb="31" eb="32">
      <t>セイ</t>
    </rPh>
    <rPh sb="32" eb="33">
      <t>ヒ</t>
    </rPh>
    <rPh sb="34" eb="38">
      <t>カナガワケン</t>
    </rPh>
    <rPh sb="39" eb="41">
      <t>ゼンコク</t>
    </rPh>
    <phoneticPr fontId="9"/>
  </si>
  <si>
    <t>年齢階級</t>
    <rPh sb="0" eb="2">
      <t>ネンレイ</t>
    </rPh>
    <rPh sb="2" eb="4">
      <t>カイキュウ</t>
    </rPh>
    <phoneticPr fontId="9"/>
  </si>
  <si>
    <t>神奈川県</t>
    <rPh sb="0" eb="4">
      <t>カナガワケン</t>
    </rPh>
    <phoneticPr fontId="9"/>
  </si>
  <si>
    <t>全国</t>
    <rPh sb="0" eb="2">
      <t>ゼンコク</t>
    </rPh>
    <phoneticPr fontId="9"/>
  </si>
  <si>
    <t>令和２年１月１日現在</t>
    <rPh sb="0" eb="2">
      <t>レイワ</t>
    </rPh>
    <rPh sb="3" eb="4">
      <t>ネン</t>
    </rPh>
    <rPh sb="5" eb="6">
      <t>ツキ</t>
    </rPh>
    <rPh sb="7" eb="8">
      <t>ヒ</t>
    </rPh>
    <rPh sb="8" eb="10">
      <t>ゲンザイ</t>
    </rPh>
    <phoneticPr fontId="9"/>
  </si>
  <si>
    <t>平成31.１.１　　     現在</t>
    <rPh sb="0" eb="2">
      <t>ヘイセイ</t>
    </rPh>
    <rPh sb="15" eb="17">
      <t>ゲンザイ</t>
    </rPh>
    <phoneticPr fontId="9"/>
  </si>
  <si>
    <t>平成30.１.１　　     現在</t>
    <rPh sb="0" eb="2">
      <t>ヘイセイ</t>
    </rPh>
    <rPh sb="15" eb="17">
      <t>ゲンザイ</t>
    </rPh>
    <phoneticPr fontId="9"/>
  </si>
  <si>
    <t>令和２.１.１
現在</t>
    <rPh sb="0" eb="2">
      <t>レイワ</t>
    </rPh>
    <rPh sb="8" eb="10">
      <t>ゲンザイ</t>
    </rPh>
    <phoneticPr fontId="9"/>
  </si>
  <si>
    <t>総　数</t>
    <rPh sb="0" eb="3">
      <t>ソウスウ</t>
    </rPh>
    <phoneticPr fontId="9"/>
  </si>
  <si>
    <t>男　（Ａ）</t>
    <rPh sb="0" eb="1">
      <t>オトコ</t>
    </rPh>
    <phoneticPr fontId="9"/>
  </si>
  <si>
    <t>女　（Ｂ）</t>
    <phoneticPr fontId="9"/>
  </si>
  <si>
    <t>性　比　　      　(A/B×100）</t>
    <rPh sb="0" eb="1">
      <t>セイ</t>
    </rPh>
    <rPh sb="2" eb="3">
      <t>ヒ</t>
    </rPh>
    <phoneticPr fontId="9"/>
  </si>
  <si>
    <t>性　比</t>
    <rPh sb="0" eb="1">
      <t>セイ</t>
    </rPh>
    <rPh sb="2" eb="3">
      <t>ヒ</t>
    </rPh>
    <phoneticPr fontId="9"/>
  </si>
  <si>
    <t>人</t>
    <rPh sb="0" eb="1">
      <t>ニン</t>
    </rPh>
    <phoneticPr fontId="9"/>
  </si>
  <si>
    <t>総　　数</t>
    <phoneticPr fontId="9"/>
  </si>
  <si>
    <t>歳</t>
    <rPh sb="0" eb="1">
      <t>サイ</t>
    </rPh>
    <phoneticPr fontId="9"/>
  </si>
  <si>
    <t>5～9</t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歳以上</t>
    <rPh sb="3" eb="4">
      <t>サイ</t>
    </rPh>
    <rPh sb="4" eb="6">
      <t>イジョウ</t>
    </rPh>
    <phoneticPr fontId="9"/>
  </si>
  <si>
    <t>年齢不詳</t>
  </si>
  <si>
    <t>‐</t>
    <phoneticPr fontId="9"/>
  </si>
  <si>
    <t>0～14</t>
    <phoneticPr fontId="9"/>
  </si>
  <si>
    <t>15～64</t>
    <phoneticPr fontId="9"/>
  </si>
  <si>
    <t>65歳以上</t>
    <rPh sb="3" eb="5">
      <t>イジョウ</t>
    </rPh>
    <phoneticPr fontId="9"/>
  </si>
  <si>
    <t>【表５】男女別平均年齢の推移及び前年調査との比較増減〈神奈川県〉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2" eb="14">
      <t>スイイ</t>
    </rPh>
    <rPh sb="14" eb="15">
      <t>オヨ</t>
    </rPh>
    <rPh sb="16" eb="18">
      <t>ゼンネン</t>
    </rPh>
    <rPh sb="18" eb="20">
      <t>チョウサ</t>
    </rPh>
    <rPh sb="22" eb="24">
      <t>ヒカク</t>
    </rPh>
    <rPh sb="24" eb="26">
      <t>ゾウゲン</t>
    </rPh>
    <rPh sb="27" eb="31">
      <t>カナガワケン</t>
    </rPh>
    <phoneticPr fontId="9"/>
  </si>
  <si>
    <t>調査時点</t>
    <rPh sb="0" eb="2">
      <t>チョウサ</t>
    </rPh>
    <rPh sb="2" eb="4">
      <t>ジテン</t>
    </rPh>
    <phoneticPr fontId="9"/>
  </si>
  <si>
    <t>男女計</t>
    <rPh sb="0" eb="2">
      <t>ダンジョ</t>
    </rPh>
    <rPh sb="2" eb="3">
      <t>ケイ</t>
    </rPh>
    <phoneticPr fontId="9"/>
  </si>
  <si>
    <t>男</t>
    <rPh sb="0" eb="1">
      <t>オトコ</t>
    </rPh>
    <phoneticPr fontId="9"/>
  </si>
  <si>
    <t>女</t>
    <rPh sb="0" eb="1">
      <t>オンナ</t>
    </rPh>
    <phoneticPr fontId="9"/>
  </si>
  <si>
    <t>男女差</t>
    <rPh sb="0" eb="3">
      <t>ダンジョサ</t>
    </rPh>
    <phoneticPr fontId="9"/>
  </si>
  <si>
    <t>対前年比較</t>
    <rPh sb="0" eb="1">
      <t>タイ</t>
    </rPh>
    <rPh sb="1" eb="3">
      <t>ゼンネン</t>
    </rPh>
    <rPh sb="3" eb="5">
      <t>ヒカク</t>
    </rPh>
    <phoneticPr fontId="9"/>
  </si>
  <si>
    <t>各年１月１日現在</t>
    <rPh sb="0" eb="2">
      <t>カクネン</t>
    </rPh>
    <rPh sb="3" eb="4">
      <t>ツキ</t>
    </rPh>
    <rPh sb="5" eb="6">
      <t>ヒ</t>
    </rPh>
    <rPh sb="6" eb="8">
      <t>ゲンザイ</t>
    </rPh>
    <phoneticPr fontId="9"/>
  </si>
  <si>
    <t>（Ａ）</t>
    <phoneticPr fontId="9"/>
  </si>
  <si>
    <t>（Ｂ）</t>
    <phoneticPr fontId="9"/>
  </si>
  <si>
    <t>（Ｂ-Ａ）</t>
    <phoneticPr fontId="9"/>
  </si>
  <si>
    <t>令和２</t>
    <rPh sb="0" eb="2">
      <t>レイワ</t>
    </rPh>
    <phoneticPr fontId="9"/>
  </si>
  <si>
    <t>年</t>
    <rPh sb="0" eb="1">
      <t>ネン</t>
    </rPh>
    <phoneticPr fontId="9"/>
  </si>
  <si>
    <t xml:space="preserve"> </t>
    <phoneticPr fontId="9"/>
  </si>
  <si>
    <t>平成31</t>
    <rPh sb="0" eb="2">
      <t>ヘイセイ</t>
    </rPh>
    <phoneticPr fontId="9"/>
  </si>
  <si>
    <t>年</t>
  </si>
  <si>
    <t>【表６】年齢（３区分）別人口及び構成比&lt;神奈川県、地域&gt;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9">
      <t>コウセイヒ</t>
    </rPh>
    <rPh sb="20" eb="24">
      <t>カナガワケン</t>
    </rPh>
    <rPh sb="25" eb="27">
      <t>チイキ</t>
    </rPh>
    <phoneticPr fontId="2"/>
  </si>
  <si>
    <t>実   数</t>
    <rPh sb="0" eb="1">
      <t>ミ</t>
    </rPh>
    <rPh sb="4" eb="5">
      <t>カズ</t>
    </rPh>
    <phoneticPr fontId="2"/>
  </si>
  <si>
    <t>構  成  比</t>
    <rPh sb="0" eb="1">
      <t>ガマエ</t>
    </rPh>
    <rPh sb="3" eb="4">
      <t>シゲル</t>
    </rPh>
    <rPh sb="6" eb="7">
      <t>ヒ</t>
    </rPh>
    <phoneticPr fontId="2"/>
  </si>
  <si>
    <t>地域名</t>
    <rPh sb="0" eb="3">
      <t>チイキメイ</t>
    </rPh>
    <phoneticPr fontId="2"/>
  </si>
  <si>
    <t>総数</t>
    <rPh sb="0" eb="2">
      <t>ソウスウ</t>
    </rPh>
    <phoneticPr fontId="2"/>
  </si>
  <si>
    <t>年齢
不詳</t>
    <rPh sb="0" eb="2">
      <t>ネンレイ</t>
    </rPh>
    <rPh sb="3" eb="5">
      <t>フショウ</t>
    </rPh>
    <phoneticPr fontId="2"/>
  </si>
  <si>
    <t>年少
人口</t>
    <rPh sb="0" eb="2">
      <t>ネンショウ</t>
    </rPh>
    <rPh sb="3" eb="5">
      <t>ジンコウ</t>
    </rPh>
    <phoneticPr fontId="2"/>
  </si>
  <si>
    <t>生産年齢
人口</t>
    <rPh sb="0" eb="2">
      <t>セイサン</t>
    </rPh>
    <rPh sb="2" eb="4">
      <t>ネンレイ</t>
    </rPh>
    <rPh sb="5" eb="7">
      <t>ジンコウ</t>
    </rPh>
    <phoneticPr fontId="2"/>
  </si>
  <si>
    <t>老年
人口</t>
    <rPh sb="0" eb="2">
      <t>ロウネン</t>
    </rPh>
    <rPh sb="3" eb="5">
      <t>ジンコウ</t>
    </rPh>
    <phoneticPr fontId="2"/>
  </si>
  <si>
    <t>（0～14歳）</t>
    <rPh sb="5" eb="6">
      <t>サイ</t>
    </rPh>
    <phoneticPr fontId="2"/>
  </si>
  <si>
    <t>(15～64歳)</t>
    <rPh sb="6" eb="7">
      <t>サイ</t>
    </rPh>
    <phoneticPr fontId="2"/>
  </si>
  <si>
    <t>(65歳以上)</t>
    <rPh sb="3" eb="6">
      <t>サイイジョウ</t>
    </rPh>
    <phoneticPr fontId="2"/>
  </si>
  <si>
    <t>(A)</t>
    <phoneticPr fontId="2"/>
  </si>
  <si>
    <t>％</t>
    <phoneticPr fontId="2"/>
  </si>
  <si>
    <t>％</t>
    <phoneticPr fontId="2"/>
  </si>
  <si>
    <t>県計</t>
    <rPh sb="0" eb="1">
      <t>ケン</t>
    </rPh>
    <rPh sb="1" eb="2">
      <t>ケイ</t>
    </rPh>
    <phoneticPr fontId="2"/>
  </si>
  <si>
    <t>横浜</t>
    <rPh sb="0" eb="2">
      <t>ヨコハマ</t>
    </rPh>
    <phoneticPr fontId="2"/>
  </si>
  <si>
    <t>年</t>
    <phoneticPr fontId="2"/>
  </si>
  <si>
    <t>川崎</t>
    <rPh sb="0" eb="2">
      <t>カワサキ</t>
    </rPh>
    <phoneticPr fontId="2"/>
  </si>
  <si>
    <t>横須賀三浦</t>
    <rPh sb="0" eb="3">
      <t>ヨコスカ</t>
    </rPh>
    <rPh sb="3" eb="5">
      <t>ミウラ</t>
    </rPh>
    <phoneticPr fontId="2"/>
  </si>
  <si>
    <t>月</t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日　現　在</t>
    <rPh sb="2" eb="3">
      <t>ゲン</t>
    </rPh>
    <rPh sb="4" eb="5">
      <t>ザイ</t>
    </rPh>
    <phoneticPr fontId="2"/>
  </si>
  <si>
    <t>県西</t>
    <rPh sb="0" eb="2">
      <t>ケンセイ</t>
    </rPh>
    <phoneticPr fontId="2"/>
  </si>
  <si>
    <t>(B)</t>
    <phoneticPr fontId="2"/>
  </si>
  <si>
    <t>％</t>
  </si>
  <si>
    <t>平</t>
    <rPh sb="0" eb="1">
      <t>ヒラ</t>
    </rPh>
    <phoneticPr fontId="2"/>
  </si>
  <si>
    <t>成</t>
    <rPh sb="0" eb="1">
      <t>ナ</t>
    </rPh>
    <phoneticPr fontId="2"/>
  </si>
  <si>
    <t>年</t>
    <phoneticPr fontId="2"/>
  </si>
  <si>
    <t>月</t>
    <phoneticPr fontId="2"/>
  </si>
  <si>
    <t>(A-B)</t>
    <phoneticPr fontId="2"/>
  </si>
  <si>
    <t>ポイント</t>
    <phoneticPr fontId="2"/>
  </si>
  <si>
    <t>ポイント</t>
  </si>
  <si>
    <t>-</t>
    <phoneticPr fontId="2"/>
  </si>
  <si>
    <t>-</t>
    <phoneticPr fontId="2"/>
  </si>
  <si>
    <t>-</t>
    <phoneticPr fontId="2"/>
  </si>
  <si>
    <t>-</t>
    <phoneticPr fontId="2"/>
  </si>
  <si>
    <t>増</t>
    <rPh sb="0" eb="1">
      <t>ゾウ</t>
    </rPh>
    <phoneticPr fontId="2"/>
  </si>
  <si>
    <t>減</t>
    <rPh sb="0" eb="1">
      <t>ゲン</t>
    </rPh>
    <phoneticPr fontId="2"/>
  </si>
  <si>
    <t>【表７】男女別平均年齢及び前年調査との比較増減&lt;神奈川県、地域&gt;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1" eb="12">
      <t>オヨ</t>
    </rPh>
    <rPh sb="13" eb="15">
      <t>ゼンネン</t>
    </rPh>
    <rPh sb="15" eb="17">
      <t>チョウサ</t>
    </rPh>
    <rPh sb="19" eb="21">
      <t>ヒカク</t>
    </rPh>
    <rPh sb="21" eb="23">
      <t>ゾウゲン</t>
    </rPh>
    <rPh sb="24" eb="28">
      <t>カナガワケン</t>
    </rPh>
    <rPh sb="29" eb="31">
      <t>チイキ</t>
    </rPh>
    <phoneticPr fontId="2"/>
  </si>
  <si>
    <t>令 和 ２年 1 月 1 日 現 在 (A)</t>
    <rPh sb="0" eb="1">
      <t>レイ</t>
    </rPh>
    <rPh sb="2" eb="3">
      <t>ワ</t>
    </rPh>
    <rPh sb="5" eb="6">
      <t>ネン</t>
    </rPh>
    <rPh sb="9" eb="10">
      <t>ガツ</t>
    </rPh>
    <rPh sb="13" eb="14">
      <t>ニチ</t>
    </rPh>
    <rPh sb="15" eb="16">
      <t>ウツツ</t>
    </rPh>
    <rPh sb="17" eb="18">
      <t>ザイ</t>
    </rPh>
    <phoneticPr fontId="2"/>
  </si>
  <si>
    <t>平 成 31年 1 月 1 日 現 在 (B)</t>
    <rPh sb="0" eb="1">
      <t>ヒラ</t>
    </rPh>
    <rPh sb="2" eb="3">
      <t>シゲル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2"/>
  </si>
  <si>
    <t>増 減 ( A - B )</t>
    <rPh sb="0" eb="1">
      <t>ゾウ</t>
    </rPh>
    <rPh sb="2" eb="3">
      <t>ゲン</t>
    </rPh>
    <phoneticPr fontId="2"/>
  </si>
  <si>
    <t>男女計</t>
    <rPh sb="0" eb="2">
      <t>ダンジョ</t>
    </rPh>
    <rPh sb="2" eb="3">
      <t>ケイ</t>
    </rPh>
    <phoneticPr fontId="2"/>
  </si>
  <si>
    <t>男女差</t>
    <rPh sb="0" eb="3">
      <t>ダンジョサ</t>
    </rPh>
    <phoneticPr fontId="2"/>
  </si>
  <si>
    <t>a</t>
    <phoneticPr fontId="2"/>
  </si>
  <si>
    <t>b</t>
    <phoneticPr fontId="2"/>
  </si>
  <si>
    <t>b-a</t>
    <phoneticPr fontId="2"/>
  </si>
  <si>
    <t>a</t>
  </si>
  <si>
    <t>b</t>
  </si>
  <si>
    <t>b-a</t>
  </si>
  <si>
    <t>歳</t>
    <rPh sb="0" eb="1">
      <t>サイ</t>
    </rPh>
    <phoneticPr fontId="2"/>
  </si>
  <si>
    <t>歳</t>
  </si>
  <si>
    <t>【表８】　年齢（３区分、５歳階級）別人口〈神奈川県、地域〉</t>
    <rPh sb="9" eb="11">
      <t>クブン</t>
    </rPh>
    <rPh sb="26" eb="28">
      <t>チイキ</t>
    </rPh>
    <phoneticPr fontId="24"/>
  </si>
  <si>
    <t>　年齢階級</t>
    <rPh sb="1" eb="3">
      <t>ネンレイ</t>
    </rPh>
    <rPh sb="3" eb="5">
      <t>カイキュウ</t>
    </rPh>
    <phoneticPr fontId="24"/>
  </si>
  <si>
    <t>県  計</t>
    <rPh sb="0" eb="1">
      <t>ケンケイ</t>
    </rPh>
    <rPh sb="3" eb="4">
      <t>ケイ</t>
    </rPh>
    <phoneticPr fontId="24"/>
  </si>
  <si>
    <t>横  浜</t>
    <rPh sb="0" eb="1">
      <t>ヨコ</t>
    </rPh>
    <rPh sb="3" eb="4">
      <t>ハマ</t>
    </rPh>
    <phoneticPr fontId="24"/>
  </si>
  <si>
    <t>川  崎</t>
    <rPh sb="0" eb="1">
      <t>カワ</t>
    </rPh>
    <rPh sb="3" eb="4">
      <t>ザキ</t>
    </rPh>
    <phoneticPr fontId="24"/>
  </si>
  <si>
    <t>横須賀三浦</t>
    <rPh sb="0" eb="3">
      <t>ヨコスカ</t>
    </rPh>
    <rPh sb="3" eb="5">
      <t>ミウラ</t>
    </rPh>
    <phoneticPr fontId="24"/>
  </si>
  <si>
    <t>県  央</t>
    <rPh sb="0" eb="1">
      <t>ケン</t>
    </rPh>
    <rPh sb="3" eb="4">
      <t>オウ</t>
    </rPh>
    <phoneticPr fontId="24"/>
  </si>
  <si>
    <t>湘  南</t>
    <rPh sb="0" eb="1">
      <t>ショウナン</t>
    </rPh>
    <rPh sb="3" eb="4">
      <t>ナン</t>
    </rPh>
    <phoneticPr fontId="24"/>
  </si>
  <si>
    <t>県  西</t>
    <rPh sb="0" eb="1">
      <t>ケン</t>
    </rPh>
    <rPh sb="3" eb="4">
      <t>ニシ</t>
    </rPh>
    <phoneticPr fontId="24"/>
  </si>
  <si>
    <t>人</t>
  </si>
  <si>
    <t>人</t>
    <rPh sb="0" eb="1">
      <t>ニン</t>
    </rPh>
    <phoneticPr fontId="24"/>
  </si>
  <si>
    <t>総　　数</t>
  </si>
  <si>
    <t xml:space="preserve">   0～ 4歳</t>
    <phoneticPr fontId="24"/>
  </si>
  <si>
    <t xml:space="preserve">   5～ 9</t>
    <phoneticPr fontId="24"/>
  </si>
  <si>
    <t xml:space="preserve">  10～14</t>
    <phoneticPr fontId="24"/>
  </si>
  <si>
    <t xml:space="preserve">  15～19</t>
    <phoneticPr fontId="24"/>
  </si>
  <si>
    <t>令</t>
    <rPh sb="0" eb="1">
      <t>レイ</t>
    </rPh>
    <phoneticPr fontId="31"/>
  </si>
  <si>
    <t xml:space="preserve">  20～24</t>
    <phoneticPr fontId="24"/>
  </si>
  <si>
    <t>和</t>
    <rPh sb="0" eb="1">
      <t>ワ</t>
    </rPh>
    <phoneticPr fontId="31"/>
  </si>
  <si>
    <t xml:space="preserve">  25～29</t>
    <phoneticPr fontId="24"/>
  </si>
  <si>
    <t xml:space="preserve">  30～34</t>
    <phoneticPr fontId="24"/>
  </si>
  <si>
    <t>年</t>
    <rPh sb="0" eb="1">
      <t>ネン</t>
    </rPh>
    <phoneticPr fontId="24"/>
  </si>
  <si>
    <t xml:space="preserve">  35～39</t>
    <phoneticPr fontId="24"/>
  </si>
  <si>
    <t xml:space="preserve">  40～44</t>
    <phoneticPr fontId="24"/>
  </si>
  <si>
    <t>月</t>
    <rPh sb="0" eb="1">
      <t>ガツ</t>
    </rPh>
    <phoneticPr fontId="24"/>
  </si>
  <si>
    <t xml:space="preserve">  45～49</t>
    <phoneticPr fontId="24"/>
  </si>
  <si>
    <t xml:space="preserve">  50～54</t>
    <phoneticPr fontId="24"/>
  </si>
  <si>
    <t>日</t>
    <rPh sb="0" eb="1">
      <t>ヒ</t>
    </rPh>
    <phoneticPr fontId="24"/>
  </si>
  <si>
    <t xml:space="preserve">  55～59</t>
    <phoneticPr fontId="24"/>
  </si>
  <si>
    <t>現</t>
    <rPh sb="0" eb="1">
      <t>ゲン</t>
    </rPh>
    <phoneticPr fontId="24"/>
  </si>
  <si>
    <t xml:space="preserve">  60～64</t>
    <phoneticPr fontId="24"/>
  </si>
  <si>
    <t>在</t>
    <rPh sb="0" eb="1">
      <t>ザイ</t>
    </rPh>
    <phoneticPr fontId="24"/>
  </si>
  <si>
    <t xml:space="preserve">  65～69</t>
    <phoneticPr fontId="24"/>
  </si>
  <si>
    <t xml:space="preserve">  70～74</t>
    <phoneticPr fontId="24"/>
  </si>
  <si>
    <t xml:space="preserve">  75～79</t>
    <phoneticPr fontId="24"/>
  </si>
  <si>
    <t xml:space="preserve">  80～84</t>
    <phoneticPr fontId="24"/>
  </si>
  <si>
    <t xml:space="preserve">  85～89</t>
    <phoneticPr fontId="24"/>
  </si>
  <si>
    <t xml:space="preserve">  90～94</t>
    <phoneticPr fontId="24"/>
  </si>
  <si>
    <t xml:space="preserve">  95～99</t>
    <phoneticPr fontId="24"/>
  </si>
  <si>
    <t>100歳以上</t>
    <phoneticPr fontId="24"/>
  </si>
  <si>
    <t xml:space="preserve">  0～14歳</t>
    <phoneticPr fontId="24"/>
  </si>
  <si>
    <t xml:space="preserve"> 15～64歳</t>
    <phoneticPr fontId="24"/>
  </si>
  <si>
    <t xml:space="preserve"> 65歳以上</t>
    <phoneticPr fontId="24"/>
  </si>
  <si>
    <t>人</t>
    <rPh sb="0" eb="1">
      <t>ニン</t>
    </rPh>
    <phoneticPr fontId="31"/>
  </si>
  <si>
    <t xml:space="preserve">   0～ 4歳</t>
  </si>
  <si>
    <t xml:space="preserve">   5～ 9</t>
  </si>
  <si>
    <t xml:space="preserve">  10～14</t>
  </si>
  <si>
    <t xml:space="preserve">  15～19</t>
  </si>
  <si>
    <t>平</t>
    <rPh sb="0" eb="1">
      <t>タイラ</t>
    </rPh>
    <phoneticPr fontId="24"/>
  </si>
  <si>
    <t xml:space="preserve">  20～24</t>
  </si>
  <si>
    <t>成</t>
    <rPh sb="0" eb="1">
      <t>セイ</t>
    </rPh>
    <phoneticPr fontId="24"/>
  </si>
  <si>
    <t xml:space="preserve">  25～29</t>
  </si>
  <si>
    <t xml:space="preserve">  30～34</t>
  </si>
  <si>
    <t xml:space="preserve">  35～39</t>
  </si>
  <si>
    <t xml:space="preserve">  40～44</t>
  </si>
  <si>
    <t xml:space="preserve">  45～49</t>
  </si>
  <si>
    <t xml:space="preserve">  50～54</t>
  </si>
  <si>
    <t xml:space="preserve">  55～59</t>
  </si>
  <si>
    <t xml:space="preserve">  60～64</t>
  </si>
  <si>
    <t xml:space="preserve">  65～69</t>
  </si>
  <si>
    <t xml:space="preserve">  70～74</t>
  </si>
  <si>
    <t xml:space="preserve">  75～79</t>
  </si>
  <si>
    <t xml:space="preserve">  80～84</t>
  </si>
  <si>
    <t xml:space="preserve">  85～89</t>
  </si>
  <si>
    <t xml:space="preserve">  90～94</t>
  </si>
  <si>
    <t xml:space="preserve">  95～99</t>
  </si>
  <si>
    <t>100歳以上</t>
  </si>
  <si>
    <t xml:space="preserve">  0～14歳</t>
  </si>
  <si>
    <t xml:space="preserve"> 15～64歳</t>
  </si>
  <si>
    <t xml:space="preserve"> 65歳以上</t>
  </si>
  <si>
    <t>【表９】　年齢（10歳階級）別人口〈神奈川県、地域〉</t>
    <rPh sb="23" eb="25">
      <t>チイキ</t>
    </rPh>
    <phoneticPr fontId="24"/>
  </si>
  <si>
    <t>年齢階級</t>
    <rPh sb="0" eb="2">
      <t>ネンレイ</t>
    </rPh>
    <rPh sb="2" eb="4">
      <t>カイキュウ</t>
    </rPh>
    <phoneticPr fontId="24"/>
  </si>
  <si>
    <t xml:space="preserve"> 湘  南</t>
    <rPh sb="1" eb="2">
      <t>ショウナン</t>
    </rPh>
    <rPh sb="4" eb="5">
      <t>ナン</t>
    </rPh>
    <phoneticPr fontId="24"/>
  </si>
  <si>
    <t>令</t>
    <rPh sb="0" eb="1">
      <t>レイ</t>
    </rPh>
    <phoneticPr fontId="24"/>
  </si>
  <si>
    <t xml:space="preserve">   0～ 9歳</t>
    <phoneticPr fontId="24"/>
  </si>
  <si>
    <t>和</t>
    <rPh sb="0" eb="1">
      <t>ワ</t>
    </rPh>
    <phoneticPr fontId="24"/>
  </si>
  <si>
    <t xml:space="preserve">  10～19</t>
    <phoneticPr fontId="24"/>
  </si>
  <si>
    <t xml:space="preserve">  20～29</t>
    <phoneticPr fontId="24"/>
  </si>
  <si>
    <t xml:space="preserve">  30～39</t>
    <phoneticPr fontId="24"/>
  </si>
  <si>
    <t xml:space="preserve">  40～49</t>
    <phoneticPr fontId="24"/>
  </si>
  <si>
    <t xml:space="preserve">  50～59</t>
    <phoneticPr fontId="24"/>
  </si>
  <si>
    <t xml:space="preserve">  60～69</t>
    <phoneticPr fontId="24"/>
  </si>
  <si>
    <t xml:space="preserve">  70～79</t>
    <phoneticPr fontId="24"/>
  </si>
  <si>
    <t xml:space="preserve">  80～89</t>
    <phoneticPr fontId="24"/>
  </si>
  <si>
    <t xml:space="preserve">  90～99</t>
    <phoneticPr fontId="24"/>
  </si>
  <si>
    <t>100歳以上</t>
    <phoneticPr fontId="24"/>
  </si>
  <si>
    <t xml:space="preserve">   0～ 9歳</t>
  </si>
  <si>
    <t xml:space="preserve">  10～19</t>
  </si>
  <si>
    <t xml:space="preserve">  20～29</t>
  </si>
  <si>
    <t xml:space="preserve">  30～39</t>
  </si>
  <si>
    <t xml:space="preserve">  40～49</t>
  </si>
  <si>
    <t xml:space="preserve">  50～59</t>
  </si>
  <si>
    <t xml:space="preserve">  60～69</t>
  </si>
  <si>
    <t xml:space="preserve">  70～79</t>
  </si>
  <si>
    <t xml:space="preserve">  80～89</t>
  </si>
  <si>
    <t xml:space="preserve">  90～99</t>
  </si>
  <si>
    <t>【表10】年齢（３区分）別人口比率、平均年齢及び老年化指数の市区町村状況</t>
    <rPh sb="1" eb="2">
      <t>ヒョウ</t>
    </rPh>
    <rPh sb="5" eb="7">
      <t>ネンレイ</t>
    </rPh>
    <rPh sb="9" eb="11">
      <t>クブン</t>
    </rPh>
    <rPh sb="12" eb="13">
      <t>ベツ</t>
    </rPh>
    <rPh sb="13" eb="16">
      <t>ジンコウヒ</t>
    </rPh>
    <rPh sb="16" eb="17">
      <t>リツ</t>
    </rPh>
    <rPh sb="18" eb="20">
      <t>ヘイキン</t>
    </rPh>
    <rPh sb="20" eb="22">
      <t>ネンレイ</t>
    </rPh>
    <rPh sb="22" eb="23">
      <t>オヨ</t>
    </rPh>
    <rPh sb="24" eb="26">
      <t>ロウネン</t>
    </rPh>
    <rPh sb="26" eb="27">
      <t>カ</t>
    </rPh>
    <rPh sb="27" eb="29">
      <t>シスウ</t>
    </rPh>
    <rPh sb="30" eb="32">
      <t>シク</t>
    </rPh>
    <rPh sb="32" eb="34">
      <t>チョウソン</t>
    </rPh>
    <rPh sb="34" eb="36">
      <t>ジョウキョウ</t>
    </rPh>
    <phoneticPr fontId="2"/>
  </si>
  <si>
    <t>　　　　　　（令和２年１月１日現在）</t>
    <rPh sb="7" eb="9">
      <t>レイワ</t>
    </rPh>
    <rPh sb="10" eb="11">
      <t>ネン</t>
    </rPh>
    <rPh sb="12" eb="13">
      <t>ツキ</t>
    </rPh>
    <rPh sb="14" eb="15">
      <t>ヒ</t>
    </rPh>
    <rPh sb="15" eb="17">
      <t>ゲンザイ</t>
    </rPh>
    <phoneticPr fontId="2"/>
  </si>
  <si>
    <r>
      <t>（１）年少人口（０～14歳）の比率　　［神奈川県  12.0％　</t>
    </r>
    <r>
      <rPr>
        <sz val="11"/>
        <rFont val="ＭＳ Ｐゴシック"/>
        <family val="3"/>
        <charset val="128"/>
      </rPr>
      <t>全国　12.0％］</t>
    </r>
    <rPh sb="3" eb="5">
      <t>ネンショウ</t>
    </rPh>
    <rPh sb="5" eb="7">
      <t>ジンコウ</t>
    </rPh>
    <rPh sb="12" eb="13">
      <t>サイ</t>
    </rPh>
    <rPh sb="15" eb="17">
      <t>ヒリツ</t>
    </rPh>
    <rPh sb="20" eb="24">
      <t>カナガワケン</t>
    </rPh>
    <rPh sb="32" eb="34">
      <t>ゼンコク</t>
    </rPh>
    <phoneticPr fontId="2"/>
  </si>
  <si>
    <t>＊高い順</t>
    <rPh sb="1" eb="2">
      <t>タカ</t>
    </rPh>
    <rPh sb="3" eb="4">
      <t>ジュン</t>
    </rPh>
    <phoneticPr fontId="2"/>
  </si>
  <si>
    <t>＊低い順</t>
    <rPh sb="1" eb="2">
      <t>ヒク</t>
    </rPh>
    <rPh sb="3" eb="4">
      <t>ジュン</t>
    </rPh>
    <phoneticPr fontId="2"/>
  </si>
  <si>
    <t>順　位</t>
    <rPh sb="0" eb="3">
      <t>ジュンイ</t>
    </rPh>
    <phoneticPr fontId="2"/>
  </si>
  <si>
    <t>市区町村名</t>
    <rPh sb="0" eb="2">
      <t>シク</t>
    </rPh>
    <rPh sb="2" eb="4">
      <t>チョウソン</t>
    </rPh>
    <rPh sb="4" eb="5">
      <t>メイ</t>
    </rPh>
    <phoneticPr fontId="2"/>
  </si>
  <si>
    <t>比率％</t>
    <rPh sb="0" eb="2">
      <t>ヒリツ</t>
    </rPh>
    <phoneticPr fontId="2"/>
  </si>
  <si>
    <t>前年順位</t>
    <rPh sb="0" eb="2">
      <t>ゼンネン</t>
    </rPh>
    <rPh sb="2" eb="4">
      <t>ジュンイ</t>
    </rPh>
    <phoneticPr fontId="2"/>
  </si>
  <si>
    <t>都筑区</t>
  </si>
  <si>
    <t>箱根町</t>
  </si>
  <si>
    <t>開成町</t>
  </si>
  <si>
    <t>真鶴町</t>
  </si>
  <si>
    <t>宮前区</t>
  </si>
  <si>
    <t>湯河原町</t>
  </si>
  <si>
    <t>幸区</t>
    <rPh sb="0" eb="2">
      <t>サイワイク</t>
    </rPh>
    <phoneticPr fontId="2"/>
  </si>
  <si>
    <t>三浦市</t>
    <rPh sb="0" eb="1">
      <t>サン</t>
    </rPh>
    <rPh sb="1" eb="2">
      <t>ウラ</t>
    </rPh>
    <phoneticPr fontId="15"/>
  </si>
  <si>
    <t>綾瀬市</t>
    <rPh sb="0" eb="3">
      <t>アヤセシ</t>
    </rPh>
    <phoneticPr fontId="2"/>
  </si>
  <si>
    <t>山北町</t>
  </si>
  <si>
    <r>
      <t>（２）生産年齢人口（15～64歳）の比率　　［神奈川県  62.6％　</t>
    </r>
    <r>
      <rPr>
        <sz val="11"/>
        <rFont val="ＭＳ Ｐゴシック"/>
        <family val="3"/>
        <charset val="128"/>
      </rPr>
      <t>全国</t>
    </r>
    <r>
      <rPr>
        <i/>
        <sz val="11"/>
        <color rgb="FFFF0000"/>
        <rFont val="ＭＳ Ｐゴシック"/>
        <family val="3"/>
        <charset val="128"/>
      </rPr>
      <t>　</t>
    </r>
    <r>
      <rPr>
        <sz val="11"/>
        <rFont val="ＭＳ Ｐゴシック"/>
        <family val="3"/>
        <charset val="128"/>
      </rPr>
      <t>59.4％］</t>
    </r>
    <rPh sb="3" eb="5">
      <t>セイサン</t>
    </rPh>
    <rPh sb="5" eb="7">
      <t>ネンレイ</t>
    </rPh>
    <rPh sb="7" eb="9">
      <t>ジンコウ</t>
    </rPh>
    <rPh sb="15" eb="16">
      <t>サイ</t>
    </rPh>
    <rPh sb="18" eb="20">
      <t>ヒリツ</t>
    </rPh>
    <rPh sb="23" eb="27">
      <t>カナガワケン</t>
    </rPh>
    <rPh sb="35" eb="37">
      <t>ゼンコク</t>
    </rPh>
    <phoneticPr fontId="2"/>
  </si>
  <si>
    <t>中原区</t>
    <rPh sb="0" eb="3">
      <t>ナカハラク</t>
    </rPh>
    <phoneticPr fontId="2"/>
  </si>
  <si>
    <t>多摩区</t>
    <rPh sb="0" eb="3">
      <t>タマク</t>
    </rPh>
    <phoneticPr fontId="2"/>
  </si>
  <si>
    <t>西区</t>
    <rPh sb="0" eb="2">
      <t>ニシク</t>
    </rPh>
    <phoneticPr fontId="2"/>
  </si>
  <si>
    <t>高津区</t>
    <rPh sb="0" eb="3">
      <t>タカツク</t>
    </rPh>
    <phoneticPr fontId="2"/>
  </si>
  <si>
    <t>港北区</t>
    <rPh sb="0" eb="3">
      <t>コウホクク</t>
    </rPh>
    <phoneticPr fontId="2"/>
  </si>
  <si>
    <t>清川村</t>
  </si>
  <si>
    <r>
      <t>（３）老年人口（65歳以上）の比率　　［神奈川県  25.4％　</t>
    </r>
    <r>
      <rPr>
        <sz val="11"/>
        <rFont val="ＭＳ Ｐゴシック"/>
        <family val="3"/>
        <charset val="128"/>
      </rPr>
      <t>全国　28.5％］</t>
    </r>
    <rPh sb="3" eb="5">
      <t>ロウネン</t>
    </rPh>
    <rPh sb="5" eb="7">
      <t>ジンコウ</t>
    </rPh>
    <rPh sb="10" eb="11">
      <t>サイ</t>
    </rPh>
    <rPh sb="11" eb="13">
      <t>イジョウ</t>
    </rPh>
    <rPh sb="15" eb="17">
      <t>ヒリツ</t>
    </rPh>
    <rPh sb="20" eb="24">
      <t>カナガワケン</t>
    </rPh>
    <rPh sb="32" eb="34">
      <t>ゼンコク</t>
    </rPh>
    <phoneticPr fontId="2"/>
  </si>
  <si>
    <t>湯河原町</t>
    <rPh sb="0" eb="4">
      <t>ユガワラマチ</t>
    </rPh>
    <phoneticPr fontId="2"/>
  </si>
  <si>
    <t>真鶴町</t>
    <rPh sb="0" eb="2">
      <t>マナヅル</t>
    </rPh>
    <rPh sb="2" eb="3">
      <t>マチ</t>
    </rPh>
    <phoneticPr fontId="2"/>
  </si>
  <si>
    <t>都筑区</t>
    <rPh sb="0" eb="2">
      <t>ツヅキ</t>
    </rPh>
    <rPh sb="2" eb="3">
      <t>ク</t>
    </rPh>
    <phoneticPr fontId="2"/>
  </si>
  <si>
    <t>三浦市</t>
    <rPh sb="0" eb="2">
      <t>ミウラ</t>
    </rPh>
    <rPh sb="2" eb="3">
      <t>シ</t>
    </rPh>
    <phoneticPr fontId="2"/>
  </si>
  <si>
    <t>山北町</t>
    <rPh sb="0" eb="3">
      <t>ヤマキタマチ</t>
    </rPh>
    <phoneticPr fontId="2"/>
  </si>
  <si>
    <t>箱根町</t>
    <rPh sb="0" eb="3">
      <t>ハコネマチ</t>
    </rPh>
    <phoneticPr fontId="2"/>
  </si>
  <si>
    <t>（４）平均年齢　　［神奈川県  46.17歳］</t>
    <rPh sb="3" eb="5">
      <t>ヘイキン</t>
    </rPh>
    <rPh sb="5" eb="7">
      <t>ネンレイ</t>
    </rPh>
    <rPh sb="10" eb="14">
      <t>カナガワケン</t>
    </rPh>
    <rPh sb="21" eb="22">
      <t>サイ</t>
    </rPh>
    <phoneticPr fontId="2"/>
  </si>
  <si>
    <t>平均年齢</t>
    <rPh sb="0" eb="2">
      <t>ヘイキン</t>
    </rPh>
    <rPh sb="2" eb="4">
      <t>ネンレイ</t>
    </rPh>
    <phoneticPr fontId="2"/>
  </si>
  <si>
    <t>清川村</t>
    <rPh sb="0" eb="3">
      <t>キヨカワムラ</t>
    </rPh>
    <phoneticPr fontId="2"/>
  </si>
  <si>
    <r>
      <t>（５）老年化指数（年少人口に対する老年人口の比率）　　［神奈川県  211.2</t>
    </r>
    <r>
      <rPr>
        <i/>
        <sz val="11"/>
        <rFont val="ＭＳ Ｐゴシック"/>
        <family val="3"/>
        <charset val="128"/>
      </rPr>
      <t>　</t>
    </r>
    <r>
      <rPr>
        <sz val="11"/>
        <rFont val="ＭＳ Ｐゴシック"/>
        <family val="3"/>
        <charset val="128"/>
      </rPr>
      <t>全国　237.0］</t>
    </r>
    <rPh sb="3" eb="5">
      <t>ロウネン</t>
    </rPh>
    <rPh sb="5" eb="6">
      <t>カ</t>
    </rPh>
    <rPh sb="6" eb="8">
      <t>シスウ</t>
    </rPh>
    <rPh sb="9" eb="11">
      <t>ネンショウ</t>
    </rPh>
    <rPh sb="11" eb="13">
      <t>ジンコウ</t>
    </rPh>
    <rPh sb="14" eb="15">
      <t>タイ</t>
    </rPh>
    <rPh sb="17" eb="19">
      <t>ロウネン</t>
    </rPh>
    <rPh sb="19" eb="21">
      <t>ジンコウ</t>
    </rPh>
    <rPh sb="22" eb="24">
      <t>ヒリツ</t>
    </rPh>
    <rPh sb="28" eb="32">
      <t>カナガワケン</t>
    </rPh>
    <rPh sb="40" eb="42">
      <t>ゼンコク</t>
    </rPh>
    <phoneticPr fontId="2"/>
  </si>
  <si>
    <t>指数</t>
    <rPh sb="0" eb="2">
      <t>シスウ</t>
    </rPh>
    <phoneticPr fontId="2"/>
  </si>
  <si>
    <t>湯河原町</t>
    <rPh sb="0" eb="3">
      <t>ユガワラ</t>
    </rPh>
    <rPh sb="3" eb="4">
      <t>マチ</t>
    </rPh>
    <phoneticPr fontId="2"/>
  </si>
  <si>
    <t>三浦市</t>
    <rPh sb="0" eb="3">
      <t>ミウラシ</t>
    </rPh>
    <phoneticPr fontId="15"/>
  </si>
  <si>
    <t>宮前区</t>
    <rPh sb="0" eb="3">
      <t>ミヤマエク</t>
    </rPh>
    <phoneticPr fontId="2"/>
  </si>
  <si>
    <t>港北区</t>
    <rPh sb="0" eb="2">
      <t>コウホク</t>
    </rPh>
    <rPh sb="2" eb="3">
      <t>ク</t>
    </rPh>
    <phoneticPr fontId="2"/>
  </si>
  <si>
    <t>【表11】－1　〔男女計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4"/>
  </si>
  <si>
    <t>令和２年１月１日現在</t>
    <rPh sb="0" eb="2">
      <t>レイワ</t>
    </rPh>
    <phoneticPr fontId="24"/>
  </si>
  <si>
    <t>平成31年～令和２年の増減数</t>
    <rPh sb="6" eb="8">
      <t>レイワ</t>
    </rPh>
    <phoneticPr fontId="24"/>
  </si>
  <si>
    <t>平成31年～令和２年の増減率</t>
    <rPh sb="6" eb="8">
      <t>レイワ</t>
    </rPh>
    <phoneticPr fontId="24"/>
  </si>
  <si>
    <t>令和２年1月1日現在・年齢３区分別構成比</t>
    <rPh sb="0" eb="2">
      <t>レイワ</t>
    </rPh>
    <phoneticPr fontId="24"/>
  </si>
  <si>
    <t>令和２年</t>
    <rPh sb="0" eb="2">
      <t>レイワ</t>
    </rPh>
    <phoneticPr fontId="24"/>
  </si>
  <si>
    <t>地域・市区町村名</t>
    <rPh sb="1" eb="2">
      <t>イキ</t>
    </rPh>
    <rPh sb="4" eb="5">
      <t>ク</t>
    </rPh>
    <phoneticPr fontId="24"/>
  </si>
  <si>
    <t>総　　数</t>
    <phoneticPr fontId="24"/>
  </si>
  <si>
    <t>0～14歳</t>
    <phoneticPr fontId="24"/>
  </si>
  <si>
    <t>15～64歳</t>
  </si>
  <si>
    <t>65歳以上</t>
  </si>
  <si>
    <t>年齢不詳</t>
    <rPh sb="0" eb="2">
      <t>ネンレイ</t>
    </rPh>
    <rPh sb="2" eb="4">
      <t>フショウ</t>
    </rPh>
    <phoneticPr fontId="24"/>
  </si>
  <si>
    <t xml:space="preserve"> 0～14歳</t>
  </si>
  <si>
    <t>総　数</t>
    <phoneticPr fontId="24"/>
  </si>
  <si>
    <t>総　数</t>
    <phoneticPr fontId="24"/>
  </si>
  <si>
    <t>平均年齢</t>
  </si>
  <si>
    <t>老年化指数</t>
  </si>
  <si>
    <t>県　　  計</t>
    <phoneticPr fontId="24"/>
  </si>
  <si>
    <t>-</t>
    <phoneticPr fontId="24"/>
  </si>
  <si>
    <t>‐</t>
    <phoneticPr fontId="31"/>
  </si>
  <si>
    <t xml:space="preserve">   横  　浜  　市</t>
    <rPh sb="3" eb="4">
      <t>ヨコ</t>
    </rPh>
    <rPh sb="7" eb="8">
      <t>ハマ</t>
    </rPh>
    <phoneticPr fontId="15"/>
  </si>
  <si>
    <t>-</t>
    <phoneticPr fontId="24"/>
  </si>
  <si>
    <t>　 鶴　　見　　区</t>
  </si>
  <si>
    <t>-</t>
    <phoneticPr fontId="24"/>
  </si>
  <si>
    <t>　 神  奈  川  区</t>
  </si>
  <si>
    <t>‐</t>
    <phoneticPr fontId="31"/>
  </si>
  <si>
    <t>　 西　　　　　区</t>
  </si>
  <si>
    <t>　 中　　　　　区</t>
  </si>
  <si>
    <t>　 南　　　　　区</t>
  </si>
  <si>
    <t>　 保 土 ケ 谷 区</t>
    <phoneticPr fontId="24"/>
  </si>
  <si>
    <t>　 磯　　子　  区</t>
  </si>
  <si>
    <t>　 金　　沢　　区</t>
  </si>
  <si>
    <t>　 港　　北　　区</t>
  </si>
  <si>
    <t>　 戸　　塚　　区</t>
  </si>
  <si>
    <t>　 港　　南　　区</t>
  </si>
  <si>
    <t>‐</t>
    <phoneticPr fontId="31"/>
  </si>
  <si>
    <t>　 旭　　　　　区</t>
  </si>
  <si>
    <t>　 緑　　　　　区</t>
  </si>
  <si>
    <t>　 瀬　　谷　　区</t>
  </si>
  <si>
    <t>　 栄　　　　　区</t>
  </si>
  <si>
    <t>　 泉　　　　　区</t>
  </si>
  <si>
    <t>-</t>
    <phoneticPr fontId="24"/>
  </si>
  <si>
    <t>　 青　　葉　　区</t>
  </si>
  <si>
    <t>　 都　　筑　　区</t>
  </si>
  <si>
    <t xml:space="preserve">   川  　崎  　市</t>
    <rPh sb="3" eb="4">
      <t>カワ</t>
    </rPh>
    <rPh sb="7" eb="8">
      <t>ザキ</t>
    </rPh>
    <phoneticPr fontId="15"/>
  </si>
  <si>
    <t>　 川　　崎　　区</t>
  </si>
  <si>
    <t>　 幸　　　　　区</t>
  </si>
  <si>
    <t>　 中　　原　　区</t>
  </si>
  <si>
    <t>　 高　　津　　区</t>
  </si>
  <si>
    <t>　 多　　摩　　区</t>
  </si>
  <si>
    <t>‐</t>
    <phoneticPr fontId="31"/>
  </si>
  <si>
    <t>　 宮　　前　　区</t>
  </si>
  <si>
    <t>　 麻　　生　　区</t>
  </si>
  <si>
    <t>横須賀三浦地域</t>
    <rPh sb="5" eb="7">
      <t>チイキ</t>
    </rPh>
    <phoneticPr fontId="15"/>
  </si>
  <si>
    <t xml:space="preserve">   横  須  賀  市</t>
  </si>
  <si>
    <t xml:space="preserve">   鎌  　倉  　市</t>
  </si>
  <si>
    <t xml:space="preserve">   逗　  子  　市</t>
  </si>
  <si>
    <t xml:space="preserve">   三　  浦  　市</t>
    <rPh sb="3" eb="4">
      <t>サン</t>
    </rPh>
    <rPh sb="7" eb="8">
      <t>ウラ</t>
    </rPh>
    <phoneticPr fontId="15"/>
  </si>
  <si>
    <t xml:space="preserve">   葉  　山  　町</t>
  </si>
  <si>
    <t>-</t>
    <phoneticPr fontId="24"/>
  </si>
  <si>
    <t>県央地域</t>
    <rPh sb="2" eb="4">
      <t>チイキ</t>
    </rPh>
    <phoneticPr fontId="15"/>
  </si>
  <si>
    <t xml:space="preserve">   相  模  原  市</t>
    <rPh sb="3" eb="4">
      <t>ソウ</t>
    </rPh>
    <rPh sb="6" eb="7">
      <t>ボ</t>
    </rPh>
    <rPh sb="9" eb="10">
      <t>ハラ</t>
    </rPh>
    <phoneticPr fontId="15"/>
  </si>
  <si>
    <t>‐</t>
    <phoneticPr fontId="31"/>
  </si>
  <si>
    <t>　 中　　央　  区</t>
    <rPh sb="2" eb="3">
      <t>チュウ</t>
    </rPh>
    <rPh sb="5" eb="6">
      <t>オウ</t>
    </rPh>
    <phoneticPr fontId="15"/>
  </si>
  <si>
    <t xml:space="preserve">   厚 　 木 　 市</t>
  </si>
  <si>
    <t xml:space="preserve">   大　  和 　 市</t>
  </si>
  <si>
    <t xml:space="preserve">   海  老  名  市</t>
  </si>
  <si>
    <t>-</t>
    <phoneticPr fontId="24"/>
  </si>
  <si>
    <t xml:space="preserve">   座 　 間 　 市</t>
  </si>
  <si>
    <t xml:space="preserve">   綾 　 瀬 　 市</t>
  </si>
  <si>
    <t>　 愛　　川　　町</t>
  </si>
  <si>
    <t>　 清　　川　　村</t>
  </si>
  <si>
    <t>湘南地域</t>
    <rPh sb="2" eb="4">
      <t>チイキ</t>
    </rPh>
    <phoneticPr fontId="15"/>
  </si>
  <si>
    <t>　 平　　塚　　市</t>
  </si>
  <si>
    <t>‐</t>
    <phoneticPr fontId="31"/>
  </si>
  <si>
    <t>　 藤　　沢 　 市</t>
  </si>
  <si>
    <t>　 茅　ヶ　崎　市</t>
  </si>
  <si>
    <t>　 秦　　野 　 市</t>
  </si>
  <si>
    <t>　 伊　勢　原　市</t>
  </si>
  <si>
    <t xml:space="preserve">   寒    川    町</t>
  </si>
  <si>
    <t>　 大　　磯　　町</t>
  </si>
  <si>
    <t>‐</t>
    <phoneticPr fontId="31"/>
  </si>
  <si>
    <t>　 二　　宮　　町</t>
  </si>
  <si>
    <t>県西地域</t>
    <rPh sb="0" eb="2">
      <t>ケンセイ</t>
    </rPh>
    <rPh sb="2" eb="4">
      <t>チイキ</t>
    </rPh>
    <phoneticPr fontId="15"/>
  </si>
  <si>
    <t>　 小　田　原　市</t>
  </si>
  <si>
    <t>　 南　足　柄　市</t>
  </si>
  <si>
    <t>　 中　　井　　町</t>
  </si>
  <si>
    <t>　 大　　井　　町</t>
  </si>
  <si>
    <t>　 松　　田　　町</t>
  </si>
  <si>
    <t>　 山　　北　　町</t>
  </si>
  <si>
    <t>　 開　　成　　町</t>
  </si>
  <si>
    <t>　 箱　　根　　町</t>
  </si>
  <si>
    <t>　 真　　鶴　　町</t>
  </si>
  <si>
    <t>　 湯　河　原　町</t>
  </si>
  <si>
    <t xml:space="preserve"> </t>
    <phoneticPr fontId="24"/>
  </si>
  <si>
    <t>（注）　総数には年齢不詳を含んでいるが、年齢３区分別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6" eb="28">
      <t>コウセイ</t>
    </rPh>
    <rPh sb="28" eb="29">
      <t>ヒ</t>
    </rPh>
    <rPh sb="30" eb="32">
      <t>ネンレイ</t>
    </rPh>
    <rPh sb="32" eb="34">
      <t>フショウ</t>
    </rPh>
    <rPh sb="35" eb="36">
      <t>ノゾ</t>
    </rPh>
    <rPh sb="38" eb="40">
      <t>サンシュツ</t>
    </rPh>
    <phoneticPr fontId="24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2">
      <t>チ</t>
    </rPh>
    <rPh sb="42" eb="43">
      <t>イキ</t>
    </rPh>
    <rPh sb="44" eb="46">
      <t>シク</t>
    </rPh>
    <rPh sb="46" eb="48">
      <t>チョウソン</t>
    </rPh>
    <phoneticPr fontId="24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4"/>
  </si>
  <si>
    <t>令和２年１月１日現在</t>
  </si>
  <si>
    <t>平成31年１月１日現在</t>
  </si>
  <si>
    <t>平成31年～令和２年の増減数</t>
  </si>
  <si>
    <t>平成31年～令和２年の増減率</t>
  </si>
  <si>
    <t>令和２年1月1日現在・年齢３区分別構成比</t>
  </si>
  <si>
    <t>令和２年</t>
  </si>
  <si>
    <t>地域・市区町村名</t>
    <rPh sb="1" eb="2">
      <t>イキ</t>
    </rPh>
    <rPh sb="4" eb="5">
      <t>ク</t>
    </rPh>
    <rPh sb="5" eb="6">
      <t>チョウ</t>
    </rPh>
    <phoneticPr fontId="24"/>
  </si>
  <si>
    <t>総　　数</t>
    <phoneticPr fontId="24"/>
  </si>
  <si>
    <t>0～14歳</t>
    <phoneticPr fontId="24"/>
  </si>
  <si>
    <t>15～64歳</t>
    <phoneticPr fontId="24"/>
  </si>
  <si>
    <t>総　数</t>
    <phoneticPr fontId="24"/>
  </si>
  <si>
    <t>県　　  計</t>
    <phoneticPr fontId="24"/>
  </si>
  <si>
    <t>-</t>
    <phoneticPr fontId="24"/>
  </si>
  <si>
    <t>‐</t>
    <phoneticPr fontId="31"/>
  </si>
  <si>
    <t>　 保 土 ケ 谷 区</t>
  </si>
  <si>
    <t>【表11】－3　〔　女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4"/>
  </si>
  <si>
    <t>　</t>
    <phoneticPr fontId="24"/>
  </si>
  <si>
    <t>◆年齢別異動人口</t>
    <rPh sb="1" eb="3">
      <t>ネンレイ</t>
    </rPh>
    <rPh sb="3" eb="4">
      <t>ベツ</t>
    </rPh>
    <rPh sb="4" eb="6">
      <t>イドウ</t>
    </rPh>
    <rPh sb="6" eb="8">
      <t>ジンコウ</t>
    </rPh>
    <phoneticPr fontId="24"/>
  </si>
  <si>
    <t>【表12】　年齢（３区分、５歳階級）別異動人口〈神奈川県〉</t>
    <rPh sb="10" eb="12">
      <t>クブン</t>
    </rPh>
    <phoneticPr fontId="24"/>
  </si>
  <si>
    <t xml:space="preserve">  翌年1月1日現在</t>
    <rPh sb="2" eb="4">
      <t>ヨクネン</t>
    </rPh>
    <rPh sb="5" eb="6">
      <t>ガツ</t>
    </rPh>
    <rPh sb="7" eb="8">
      <t>ヒ</t>
    </rPh>
    <rPh sb="8" eb="10">
      <t>ゲンザイ</t>
    </rPh>
    <phoneticPr fontId="24"/>
  </si>
  <si>
    <t>人口増減</t>
    <rPh sb="2" eb="4">
      <t>ゾウゲン</t>
    </rPh>
    <phoneticPr fontId="24"/>
  </si>
  <si>
    <t>人　　口</t>
    <rPh sb="0" eb="4">
      <t>ジンコウ</t>
    </rPh>
    <phoneticPr fontId="24"/>
  </si>
  <si>
    <t>自然増減</t>
    <rPh sb="3" eb="4">
      <t>ゲン</t>
    </rPh>
    <phoneticPr fontId="24"/>
  </si>
  <si>
    <t>出　　生</t>
  </si>
  <si>
    <t>死　　亡</t>
    <rPh sb="0" eb="4">
      <t>シボウ</t>
    </rPh>
    <phoneticPr fontId="24"/>
  </si>
  <si>
    <t>社会増減</t>
    <rPh sb="3" eb="4">
      <t>ゲン</t>
    </rPh>
    <phoneticPr fontId="24"/>
  </si>
  <si>
    <t>転　　入</t>
  </si>
  <si>
    <t>転　　出</t>
  </si>
  <si>
    <t>（Ａ+Ｂ)</t>
    <phoneticPr fontId="24"/>
  </si>
  <si>
    <t>(Ａ)＝ａ－ｂ</t>
    <phoneticPr fontId="24"/>
  </si>
  <si>
    <t xml:space="preserve"> ａ</t>
    <phoneticPr fontId="24"/>
  </si>
  <si>
    <t xml:space="preserve"> ｂ</t>
    <phoneticPr fontId="24"/>
  </si>
  <si>
    <t>(Ｂ)＝ｃ－ｄ</t>
    <phoneticPr fontId="24"/>
  </si>
  <si>
    <t>ｃ</t>
    <phoneticPr fontId="24"/>
  </si>
  <si>
    <t>ｄ</t>
    <phoneticPr fontId="24"/>
  </si>
  <si>
    <t xml:space="preserve">   5～ 9</t>
    <phoneticPr fontId="24"/>
  </si>
  <si>
    <t xml:space="preserve">  10～14</t>
    <phoneticPr fontId="24"/>
  </si>
  <si>
    <t xml:space="preserve">  15～19</t>
    <phoneticPr fontId="24"/>
  </si>
  <si>
    <t xml:space="preserve">  20～24</t>
    <phoneticPr fontId="24"/>
  </si>
  <si>
    <t xml:space="preserve">  25～29</t>
    <phoneticPr fontId="24"/>
  </si>
  <si>
    <t xml:space="preserve">  30～34</t>
    <phoneticPr fontId="24"/>
  </si>
  <si>
    <t xml:space="preserve">  35～39</t>
    <phoneticPr fontId="24"/>
  </si>
  <si>
    <t>・</t>
    <phoneticPr fontId="24"/>
  </si>
  <si>
    <t xml:space="preserve">  40～44</t>
    <phoneticPr fontId="24"/>
  </si>
  <si>
    <t xml:space="preserve">  45～49</t>
    <phoneticPr fontId="24"/>
  </si>
  <si>
    <t xml:space="preserve">  50～54</t>
    <phoneticPr fontId="24"/>
  </si>
  <si>
    <t xml:space="preserve">  55～59</t>
    <phoneticPr fontId="24"/>
  </si>
  <si>
    <t xml:space="preserve">  60～64</t>
    <phoneticPr fontId="24"/>
  </si>
  <si>
    <t xml:space="preserve">  65～69</t>
    <phoneticPr fontId="24"/>
  </si>
  <si>
    <t>元</t>
    <rPh sb="0" eb="1">
      <t>モト</t>
    </rPh>
    <phoneticPr fontId="24"/>
  </si>
  <si>
    <t xml:space="preserve">  70～74</t>
    <phoneticPr fontId="24"/>
  </si>
  <si>
    <t xml:space="preserve">  75～79</t>
    <phoneticPr fontId="24"/>
  </si>
  <si>
    <t xml:space="preserve">  80～84</t>
    <phoneticPr fontId="24"/>
  </si>
  <si>
    <t xml:space="preserve">  85～89</t>
    <phoneticPr fontId="24"/>
  </si>
  <si>
    <t>中</t>
    <rPh sb="0" eb="1">
      <t>ナカ</t>
    </rPh>
    <phoneticPr fontId="24"/>
  </si>
  <si>
    <t xml:space="preserve">  90～94</t>
    <phoneticPr fontId="24"/>
  </si>
  <si>
    <t xml:space="preserve">  95～99</t>
    <phoneticPr fontId="24"/>
  </si>
  <si>
    <t xml:space="preserve"> 100歳以上</t>
    <phoneticPr fontId="24"/>
  </si>
  <si>
    <t xml:space="preserve">   0～14歳</t>
    <phoneticPr fontId="24"/>
  </si>
  <si>
    <t xml:space="preserve">  15～64歳</t>
    <phoneticPr fontId="24"/>
  </si>
  <si>
    <t xml:space="preserve">  65歳以上</t>
    <phoneticPr fontId="24"/>
  </si>
  <si>
    <t>中</t>
    <rPh sb="0" eb="1">
      <t>チュウ</t>
    </rPh>
    <phoneticPr fontId="24"/>
  </si>
  <si>
    <t xml:space="preserve"> 100歳以上</t>
    <phoneticPr fontId="24"/>
  </si>
  <si>
    <t xml:space="preserve">   0～14歳</t>
  </si>
  <si>
    <t xml:space="preserve">  15～64歳</t>
  </si>
  <si>
    <t xml:space="preserve">  65歳以上</t>
  </si>
  <si>
    <t>(注)</t>
    <phoneticPr fontId="24"/>
  </si>
  <si>
    <t xml:space="preserve"> 1　社会増減のうち、正数は転入超過を、負数は転出超過を表している。</t>
    <rPh sb="6" eb="7">
      <t>ゲン</t>
    </rPh>
    <phoneticPr fontId="24"/>
  </si>
  <si>
    <t xml:space="preserve"> 2　転入及び転出は、県内市区町村間の移動を含む。</t>
    <phoneticPr fontId="24"/>
  </si>
  <si>
    <t>【表13】　年齢（10歳階級）別異動人口〈神奈川県〉</t>
    <phoneticPr fontId="24"/>
  </si>
  <si>
    <t xml:space="preserve">  　翌年１月１日現在</t>
    <phoneticPr fontId="24"/>
  </si>
  <si>
    <t xml:space="preserve">     　人口増減</t>
    <rPh sb="8" eb="10">
      <t>ゾウゲン</t>
    </rPh>
    <phoneticPr fontId="24"/>
  </si>
  <si>
    <t xml:space="preserve"> 人　口</t>
    <phoneticPr fontId="24"/>
  </si>
  <si>
    <t xml:space="preserve">     　 （Ａ+Ｂ)</t>
    <phoneticPr fontId="24"/>
  </si>
  <si>
    <t>(Ａ)＝ａ－ｂ</t>
    <phoneticPr fontId="24"/>
  </si>
  <si>
    <t xml:space="preserve"> ａ</t>
    <phoneticPr fontId="24"/>
  </si>
  <si>
    <t>(Ｂ)＝ｃ－ｄ</t>
    <phoneticPr fontId="24"/>
  </si>
  <si>
    <t>ｃ</t>
    <phoneticPr fontId="24"/>
  </si>
  <si>
    <t>ｄ</t>
    <phoneticPr fontId="24"/>
  </si>
  <si>
    <t>平</t>
  </si>
  <si>
    <t xml:space="preserve">    0～ 9歳</t>
    <phoneticPr fontId="24"/>
  </si>
  <si>
    <t>成</t>
  </si>
  <si>
    <t>-</t>
    <phoneticPr fontId="24"/>
  </si>
  <si>
    <t>１</t>
    <phoneticPr fontId="24"/>
  </si>
  <si>
    <t>月</t>
  </si>
  <si>
    <t>-</t>
    <phoneticPr fontId="24"/>
  </si>
  <si>
    <t>-</t>
    <phoneticPr fontId="24"/>
  </si>
  <si>
    <t>日</t>
  </si>
  <si>
    <t>年</t>
    <phoneticPr fontId="24"/>
  </si>
  <si>
    <t>現</t>
  </si>
  <si>
    <t>中</t>
    <phoneticPr fontId="24"/>
  </si>
  <si>
    <t>在</t>
  </si>
  <si>
    <t xml:space="preserve"> 100歳以上</t>
    <phoneticPr fontId="24"/>
  </si>
  <si>
    <t xml:space="preserve">    0～ 9歳</t>
  </si>
  <si>
    <t>１</t>
  </si>
  <si>
    <t>中</t>
  </si>
  <si>
    <t xml:space="preserve"> 100歳以上</t>
  </si>
  <si>
    <t xml:space="preserve">（注) </t>
    <rPh sb="1" eb="2">
      <t>チュウ</t>
    </rPh>
    <phoneticPr fontId="24"/>
  </si>
  <si>
    <t>1　社会増減のうち、正数は転入超過を、負数は転出超過を表している。</t>
    <rPh sb="5" eb="6">
      <t>ゲン</t>
    </rPh>
    <phoneticPr fontId="24"/>
  </si>
  <si>
    <t>2　転入及び転出は、県内市区町村間の移動を含む。</t>
    <phoneticPr fontId="24"/>
  </si>
  <si>
    <t>3 「平成27年中」の異動人口は、平成27年10月1日現在の国勢調査結果による基礎数値の切り替えを行ったために
　調査していない。</t>
    <rPh sb="3" eb="5">
      <t>ヘイセイ</t>
    </rPh>
    <rPh sb="7" eb="8">
      <t>ネン</t>
    </rPh>
    <rPh sb="8" eb="9">
      <t>チュウ</t>
    </rPh>
    <rPh sb="11" eb="13">
      <t>イドウ</t>
    </rPh>
    <rPh sb="13" eb="15">
      <t>ジンコウ</t>
    </rPh>
    <rPh sb="17" eb="19">
      <t>ヘイセイ</t>
    </rPh>
    <rPh sb="21" eb="22">
      <t>ネン</t>
    </rPh>
    <rPh sb="24" eb="25">
      <t>ガツ</t>
    </rPh>
    <rPh sb="26" eb="27">
      <t>ニチ</t>
    </rPh>
    <rPh sb="27" eb="29">
      <t>ゲンザイ</t>
    </rPh>
    <rPh sb="30" eb="32">
      <t>コクセイ</t>
    </rPh>
    <rPh sb="32" eb="34">
      <t>チョウサ</t>
    </rPh>
    <rPh sb="34" eb="36">
      <t>ケッカ</t>
    </rPh>
    <rPh sb="39" eb="41">
      <t>キソ</t>
    </rPh>
    <rPh sb="41" eb="43">
      <t>スウチ</t>
    </rPh>
    <rPh sb="44" eb="45">
      <t>キ</t>
    </rPh>
    <rPh sb="46" eb="47">
      <t>カ</t>
    </rPh>
    <rPh sb="49" eb="50">
      <t>オコナ</t>
    </rPh>
    <rPh sb="57" eb="59">
      <t>チョウサ</t>
    </rPh>
    <phoneticPr fontId="24"/>
  </si>
  <si>
    <t>【表14】－1　年齢（３区分、５歳階級）別、男女別異動人口〈神奈川県〉</t>
    <rPh sb="12" eb="14">
      <t>クブン</t>
    </rPh>
    <phoneticPr fontId="24"/>
  </si>
  <si>
    <t>【表14】―1　年齢（３区分、５歳階級）別、男女別異動人口〈神奈川県〉</t>
    <rPh sb="12" eb="14">
      <t>クブン</t>
    </rPh>
    <phoneticPr fontId="24"/>
  </si>
  <si>
    <t xml:space="preserve">  令和２年１月１日現在</t>
    <rPh sb="2" eb="4">
      <t>レイワ</t>
    </rPh>
    <rPh sb="5" eb="6">
      <t>ネン</t>
    </rPh>
    <rPh sb="7" eb="8">
      <t>ガツ</t>
    </rPh>
    <rPh sb="9" eb="10">
      <t>ヒ</t>
    </rPh>
    <rPh sb="10" eb="12">
      <t>ゲンザイ</t>
    </rPh>
    <phoneticPr fontId="24"/>
  </si>
  <si>
    <t>平 成 31 ・ 令 和 元 年 中</t>
    <rPh sb="9" eb="10">
      <t>レイ</t>
    </rPh>
    <rPh sb="11" eb="12">
      <t>ワ</t>
    </rPh>
    <rPh sb="13" eb="14">
      <t>モト</t>
    </rPh>
    <phoneticPr fontId="24"/>
  </si>
  <si>
    <t>人　　口</t>
    <phoneticPr fontId="24"/>
  </si>
  <si>
    <t>人　口　増　減</t>
    <rPh sb="0" eb="1">
      <t>ヒト</t>
    </rPh>
    <rPh sb="2" eb="3">
      <t>クチ</t>
    </rPh>
    <rPh sb="4" eb="5">
      <t>ゾウ</t>
    </rPh>
    <rPh sb="6" eb="7">
      <t>ゲン</t>
    </rPh>
    <phoneticPr fontId="24"/>
  </si>
  <si>
    <t>死　　亡</t>
    <phoneticPr fontId="24"/>
  </si>
  <si>
    <t>　</t>
    <phoneticPr fontId="24"/>
  </si>
  <si>
    <t>(Ａ＋Ｂ)</t>
  </si>
  <si>
    <t xml:space="preserve"> (Ａ)＝ａ－ｂ</t>
    <phoneticPr fontId="24"/>
  </si>
  <si>
    <t>ａ</t>
    <phoneticPr fontId="24"/>
  </si>
  <si>
    <t>ｂ</t>
    <phoneticPr fontId="24"/>
  </si>
  <si>
    <t xml:space="preserve"> (Ｂ)＝ｃ－ｄ</t>
    <phoneticPr fontId="24"/>
  </si>
  <si>
    <t>ｃ</t>
    <phoneticPr fontId="24"/>
  </si>
  <si>
    <t>ｄ</t>
    <phoneticPr fontId="24"/>
  </si>
  <si>
    <t>総数</t>
  </si>
  <si>
    <t>男</t>
  </si>
  <si>
    <t>女</t>
  </si>
  <si>
    <t>総数</t>
    <phoneticPr fontId="24"/>
  </si>
  <si>
    <t xml:space="preserve">   0～ 4歳</t>
    <phoneticPr fontId="24"/>
  </si>
  <si>
    <t xml:space="preserve">   5～ 9</t>
    <phoneticPr fontId="24"/>
  </si>
  <si>
    <t xml:space="preserve">  10～14</t>
    <phoneticPr fontId="24"/>
  </si>
  <si>
    <t xml:space="preserve">  15～19</t>
    <phoneticPr fontId="24"/>
  </si>
  <si>
    <t xml:space="preserve">  20～24</t>
    <phoneticPr fontId="24"/>
  </si>
  <si>
    <t xml:space="preserve">  25～29</t>
    <phoneticPr fontId="24"/>
  </si>
  <si>
    <t>実</t>
  </si>
  <si>
    <t xml:space="preserve">  35～39</t>
    <phoneticPr fontId="24"/>
  </si>
  <si>
    <t xml:space="preserve">  40～44</t>
    <phoneticPr fontId="24"/>
  </si>
  <si>
    <t xml:space="preserve">  45～49</t>
    <phoneticPr fontId="24"/>
  </si>
  <si>
    <t xml:space="preserve">  50～54</t>
    <phoneticPr fontId="24"/>
  </si>
  <si>
    <t xml:space="preserve">  55～59</t>
    <phoneticPr fontId="24"/>
  </si>
  <si>
    <t>数</t>
  </si>
  <si>
    <t xml:space="preserve">  60～64</t>
    <phoneticPr fontId="24"/>
  </si>
  <si>
    <t xml:space="preserve">  65～69</t>
    <phoneticPr fontId="24"/>
  </si>
  <si>
    <t xml:space="preserve">  70～74</t>
    <phoneticPr fontId="24"/>
  </si>
  <si>
    <t xml:space="preserve">  75～79</t>
    <phoneticPr fontId="24"/>
  </si>
  <si>
    <t xml:space="preserve">  80～84</t>
    <phoneticPr fontId="24"/>
  </si>
  <si>
    <t xml:space="preserve">  85～89</t>
    <phoneticPr fontId="24"/>
  </si>
  <si>
    <t xml:space="preserve">  90～94</t>
    <phoneticPr fontId="24"/>
  </si>
  <si>
    <t xml:space="preserve">  95～99</t>
    <phoneticPr fontId="24"/>
  </si>
  <si>
    <t xml:space="preserve">  100歳以上</t>
    <phoneticPr fontId="24"/>
  </si>
  <si>
    <t xml:space="preserve">   0～14歳</t>
    <phoneticPr fontId="24"/>
  </si>
  <si>
    <t xml:space="preserve">  15～64歳</t>
    <phoneticPr fontId="24"/>
  </si>
  <si>
    <t xml:space="preserve">  65歳以上</t>
    <phoneticPr fontId="24"/>
  </si>
  <si>
    <t>-</t>
    <phoneticPr fontId="24"/>
  </si>
  <si>
    <t xml:space="preserve">   0～ 4歳</t>
    <phoneticPr fontId="24"/>
  </si>
  <si>
    <t>構</t>
  </si>
  <si>
    <t xml:space="preserve">  30～34</t>
    <phoneticPr fontId="24"/>
  </si>
  <si>
    <t xml:space="preserve">  40～44</t>
    <phoneticPr fontId="24"/>
  </si>
  <si>
    <t>比</t>
  </si>
  <si>
    <t xml:space="preserve"> (注)</t>
    <phoneticPr fontId="24"/>
  </si>
  <si>
    <t>3  総数には年齢不詳を含んでいるが、構成比は年齢不詳を除いて算出している。</t>
    <rPh sb="3" eb="5">
      <t>ソウスウ</t>
    </rPh>
    <rPh sb="7" eb="9">
      <t>ネンレイ</t>
    </rPh>
    <rPh sb="9" eb="11">
      <t>フショウ</t>
    </rPh>
    <rPh sb="12" eb="13">
      <t>フク</t>
    </rPh>
    <rPh sb="19" eb="22">
      <t>コウセイヒ</t>
    </rPh>
    <rPh sb="23" eb="25">
      <t>ネンレイ</t>
    </rPh>
    <rPh sb="25" eb="27">
      <t>フショウ</t>
    </rPh>
    <rPh sb="28" eb="29">
      <t>ノゾ</t>
    </rPh>
    <rPh sb="31" eb="33">
      <t>サンシュツ</t>
    </rPh>
    <phoneticPr fontId="24"/>
  </si>
  <si>
    <t>【表14】－２　年齢（３区分、５歳階級）別、男女別異動人口〈横　浜　市〉</t>
    <rPh sb="12" eb="14">
      <t>クブン</t>
    </rPh>
    <rPh sb="30" eb="31">
      <t>ヨコ</t>
    </rPh>
    <rPh sb="32" eb="33">
      <t>ハマ</t>
    </rPh>
    <rPh sb="34" eb="35">
      <t>シ</t>
    </rPh>
    <phoneticPr fontId="24"/>
  </si>
  <si>
    <t>【表14】―２　年齢（３区分、５歳階級）別、男女別異動人口〈横　浜　市〉</t>
    <rPh sb="12" eb="14">
      <t>クブン</t>
    </rPh>
    <rPh sb="30" eb="31">
      <t>ヨコ</t>
    </rPh>
    <rPh sb="32" eb="33">
      <t>ハマ</t>
    </rPh>
    <rPh sb="34" eb="35">
      <t>シ</t>
    </rPh>
    <phoneticPr fontId="24"/>
  </si>
  <si>
    <t xml:space="preserve">  令和２年１月１日現在</t>
  </si>
  <si>
    <t>平 成 31 ・ 令 和 元 年 中</t>
  </si>
  <si>
    <t>人　　口</t>
    <phoneticPr fontId="24"/>
  </si>
  <si>
    <t>死　　亡</t>
  </si>
  <si>
    <t>ａ</t>
    <phoneticPr fontId="31"/>
  </si>
  <si>
    <t>ｂ</t>
    <phoneticPr fontId="31"/>
  </si>
  <si>
    <t>(Ｂ)＝ｃ－ｄ</t>
    <phoneticPr fontId="24"/>
  </si>
  <si>
    <t>ｃ</t>
  </si>
  <si>
    <t>ｄ</t>
  </si>
  <si>
    <t xml:space="preserve">  10～14</t>
    <phoneticPr fontId="24"/>
  </si>
  <si>
    <t xml:space="preserve">  15～19</t>
    <phoneticPr fontId="24"/>
  </si>
  <si>
    <t xml:space="preserve">  20～24</t>
    <phoneticPr fontId="24"/>
  </si>
  <si>
    <t xml:space="preserve">  35～39</t>
    <phoneticPr fontId="24"/>
  </si>
  <si>
    <t xml:space="preserve">  45～49</t>
    <phoneticPr fontId="24"/>
  </si>
  <si>
    <t xml:space="preserve">  50～54</t>
    <phoneticPr fontId="24"/>
  </si>
  <si>
    <t xml:space="preserve">  60～64</t>
    <phoneticPr fontId="24"/>
  </si>
  <si>
    <t xml:space="preserve">  65～69</t>
    <phoneticPr fontId="24"/>
  </si>
  <si>
    <t xml:space="preserve">  70～74</t>
    <phoneticPr fontId="24"/>
  </si>
  <si>
    <t xml:space="preserve">  75～79</t>
    <phoneticPr fontId="24"/>
  </si>
  <si>
    <t xml:space="preserve">  80～84</t>
    <phoneticPr fontId="24"/>
  </si>
  <si>
    <t xml:space="preserve">  85～89</t>
    <phoneticPr fontId="24"/>
  </si>
  <si>
    <t xml:space="preserve">  90～94</t>
    <phoneticPr fontId="24"/>
  </si>
  <si>
    <t xml:space="preserve">  100歳以上</t>
    <phoneticPr fontId="24"/>
  </si>
  <si>
    <t xml:space="preserve">  65歳以上</t>
    <phoneticPr fontId="24"/>
  </si>
  <si>
    <t>-</t>
    <phoneticPr fontId="24"/>
  </si>
  <si>
    <t>-</t>
    <phoneticPr fontId="24"/>
  </si>
  <si>
    <t xml:space="preserve">   5～ 9</t>
    <phoneticPr fontId="24"/>
  </si>
  <si>
    <t xml:space="preserve">  10～14</t>
    <phoneticPr fontId="24"/>
  </si>
  <si>
    <t xml:space="preserve">  35～39</t>
    <phoneticPr fontId="24"/>
  </si>
  <si>
    <t xml:space="preserve">  55～59</t>
    <phoneticPr fontId="24"/>
  </si>
  <si>
    <t xml:space="preserve">  75～79</t>
    <phoneticPr fontId="24"/>
  </si>
  <si>
    <t xml:space="preserve">  90～94</t>
    <phoneticPr fontId="24"/>
  </si>
  <si>
    <t xml:space="preserve">  100歳以上</t>
    <phoneticPr fontId="24"/>
  </si>
  <si>
    <t xml:space="preserve"> (注)</t>
    <phoneticPr fontId="24"/>
  </si>
  <si>
    <t>【表14】－３　年齢（３区分、５歳階級）別、男女別異動人口〈川　崎　市〉</t>
    <rPh sb="12" eb="14">
      <t>クブン</t>
    </rPh>
    <rPh sb="30" eb="31">
      <t>カワ</t>
    </rPh>
    <rPh sb="32" eb="33">
      <t>ザキ</t>
    </rPh>
    <rPh sb="34" eb="35">
      <t>シ</t>
    </rPh>
    <phoneticPr fontId="24"/>
  </si>
  <si>
    <t>【表14】―３　年齢（３区分、５歳階級）別、男女別異動人口〈川　崎　市〉</t>
    <rPh sb="12" eb="14">
      <t>クブン</t>
    </rPh>
    <rPh sb="30" eb="31">
      <t>カワ</t>
    </rPh>
    <rPh sb="32" eb="33">
      <t>ザキ</t>
    </rPh>
    <rPh sb="34" eb="35">
      <t>シ</t>
    </rPh>
    <phoneticPr fontId="24"/>
  </si>
  <si>
    <t>ａ</t>
  </si>
  <si>
    <t>(Ｂ)＝ｃ－ｄ</t>
    <phoneticPr fontId="24"/>
  </si>
  <si>
    <t>ｄ</t>
    <phoneticPr fontId="31"/>
  </si>
  <si>
    <t>男</t>
    <phoneticPr fontId="31"/>
  </si>
  <si>
    <t xml:space="preserve">  45～49</t>
    <phoneticPr fontId="24"/>
  </si>
  <si>
    <t xml:space="preserve">  85～89</t>
    <phoneticPr fontId="24"/>
  </si>
  <si>
    <t xml:space="preserve">  90～94</t>
    <phoneticPr fontId="24"/>
  </si>
  <si>
    <t xml:space="preserve">  95～99</t>
    <phoneticPr fontId="24"/>
  </si>
  <si>
    <t xml:space="preserve">   5～ 9</t>
    <phoneticPr fontId="24"/>
  </si>
  <si>
    <t>【表14】－４　年齢（３区分、５歳階級）別、男女別異動人口〈横須賀三浦地域〉</t>
    <rPh sb="12" eb="14">
      <t>クブン</t>
    </rPh>
    <rPh sb="36" eb="37">
      <t>イキ</t>
    </rPh>
    <phoneticPr fontId="24"/>
  </si>
  <si>
    <t>【表14】―４　年齢（３区分、５歳階級）別、男女別異動人口〈横須賀三浦地域〉</t>
    <rPh sb="12" eb="14">
      <t>クブン</t>
    </rPh>
    <rPh sb="36" eb="37">
      <t>イキ</t>
    </rPh>
    <phoneticPr fontId="24"/>
  </si>
  <si>
    <t>人　　口</t>
    <phoneticPr fontId="24"/>
  </si>
  <si>
    <t>(Ａ)＝ａ－ｂ</t>
    <phoneticPr fontId="24"/>
  </si>
  <si>
    <t xml:space="preserve"> (Ｂ)＝ｃ－ｄ</t>
    <phoneticPr fontId="24"/>
  </si>
  <si>
    <t>男</t>
    <phoneticPr fontId="24"/>
  </si>
  <si>
    <t xml:space="preserve">   0～ 4歳</t>
    <phoneticPr fontId="24"/>
  </si>
  <si>
    <t xml:space="preserve">  10～14</t>
    <phoneticPr fontId="24"/>
  </si>
  <si>
    <t xml:space="preserve">  15～19</t>
    <phoneticPr fontId="24"/>
  </si>
  <si>
    <t xml:space="preserve">  25～29</t>
    <phoneticPr fontId="24"/>
  </si>
  <si>
    <t xml:space="preserve">  40～44</t>
    <phoneticPr fontId="24"/>
  </si>
  <si>
    <t xml:space="preserve">  55～59</t>
    <phoneticPr fontId="24"/>
  </si>
  <si>
    <t xml:space="preserve">  65～69</t>
    <phoneticPr fontId="24"/>
  </si>
  <si>
    <t xml:space="preserve">  80～84</t>
    <phoneticPr fontId="24"/>
  </si>
  <si>
    <t xml:space="preserve">  85～89</t>
    <phoneticPr fontId="24"/>
  </si>
  <si>
    <t xml:space="preserve">   0～14歳</t>
    <phoneticPr fontId="24"/>
  </si>
  <si>
    <t xml:space="preserve">  15～64歳</t>
    <phoneticPr fontId="24"/>
  </si>
  <si>
    <t xml:space="preserve">  65歳以上</t>
    <phoneticPr fontId="24"/>
  </si>
  <si>
    <t xml:space="preserve">   0～ 4歳</t>
    <phoneticPr fontId="24"/>
  </si>
  <si>
    <t xml:space="preserve">  20～24</t>
    <phoneticPr fontId="24"/>
  </si>
  <si>
    <t xml:space="preserve">  30～34</t>
    <phoneticPr fontId="24"/>
  </si>
  <si>
    <t xml:space="preserve">  45～49</t>
    <phoneticPr fontId="24"/>
  </si>
  <si>
    <t xml:space="preserve">  50～54</t>
    <phoneticPr fontId="24"/>
  </si>
  <si>
    <t xml:space="preserve">  65～69</t>
    <phoneticPr fontId="24"/>
  </si>
  <si>
    <t xml:space="preserve">  70～74</t>
    <phoneticPr fontId="24"/>
  </si>
  <si>
    <t xml:space="preserve">  65歳以上</t>
    <phoneticPr fontId="24"/>
  </si>
  <si>
    <t xml:space="preserve"> (注)</t>
    <phoneticPr fontId="24"/>
  </si>
  <si>
    <t>【表14】－５　年齢（３区分、５歳階級）別、男女別異動人口〈県央地域〉</t>
    <rPh sb="12" eb="14">
      <t>クブン</t>
    </rPh>
    <rPh sb="33" eb="34">
      <t>イキ</t>
    </rPh>
    <phoneticPr fontId="24"/>
  </si>
  <si>
    <t>【表14】―５　年齢（３区分、５歳階級）別、男女別異動人口〈県央地域〉</t>
    <rPh sb="12" eb="14">
      <t>クブン</t>
    </rPh>
    <rPh sb="33" eb="34">
      <t>イキ</t>
    </rPh>
    <phoneticPr fontId="24"/>
  </si>
  <si>
    <t xml:space="preserve"> 　ｂ</t>
  </si>
  <si>
    <t xml:space="preserve"> (Ｂ)＝ｃ－ｄ</t>
    <phoneticPr fontId="24"/>
  </si>
  <si>
    <t xml:space="preserve">   0～ 4歳</t>
    <phoneticPr fontId="24"/>
  </si>
  <si>
    <t xml:space="preserve">  15～19</t>
    <phoneticPr fontId="24"/>
  </si>
  <si>
    <t xml:space="preserve">  20～24</t>
    <phoneticPr fontId="24"/>
  </si>
  <si>
    <t xml:space="preserve">  25～29</t>
    <phoneticPr fontId="24"/>
  </si>
  <si>
    <t xml:space="preserve">  30～34</t>
    <phoneticPr fontId="24"/>
  </si>
  <si>
    <t xml:space="preserve">  35～39</t>
    <phoneticPr fontId="24"/>
  </si>
  <si>
    <t xml:space="preserve">  40～44</t>
    <phoneticPr fontId="24"/>
  </si>
  <si>
    <t xml:space="preserve">  50～54</t>
    <phoneticPr fontId="24"/>
  </si>
  <si>
    <t xml:space="preserve">  65～69</t>
    <phoneticPr fontId="24"/>
  </si>
  <si>
    <t xml:space="preserve">  70～74</t>
    <phoneticPr fontId="24"/>
  </si>
  <si>
    <t xml:space="preserve">  75～79</t>
    <phoneticPr fontId="24"/>
  </si>
  <si>
    <t xml:space="preserve">  90～94</t>
    <phoneticPr fontId="24"/>
  </si>
  <si>
    <t xml:space="preserve">  65歳以上</t>
    <phoneticPr fontId="24"/>
  </si>
  <si>
    <t>-</t>
    <phoneticPr fontId="24"/>
  </si>
  <si>
    <t>-</t>
    <phoneticPr fontId="24"/>
  </si>
  <si>
    <t xml:space="preserve">  10～14</t>
    <phoneticPr fontId="24"/>
  </si>
  <si>
    <t xml:space="preserve">  20～24</t>
    <phoneticPr fontId="24"/>
  </si>
  <si>
    <t xml:space="preserve">  30～34</t>
    <phoneticPr fontId="24"/>
  </si>
  <si>
    <t xml:space="preserve">  80～84</t>
    <phoneticPr fontId="24"/>
  </si>
  <si>
    <t xml:space="preserve">  100歳以上</t>
    <phoneticPr fontId="24"/>
  </si>
  <si>
    <t xml:space="preserve">  15～64歳</t>
    <phoneticPr fontId="24"/>
  </si>
  <si>
    <t>2　転入及び転出は、県内市区町村間の移動を含む。</t>
    <phoneticPr fontId="24"/>
  </si>
  <si>
    <t>【表14】－６　年齢（３区分、５歳階級）別、男女別異動人口〈湘南地域〉</t>
    <rPh sb="12" eb="14">
      <t>クブン</t>
    </rPh>
    <rPh sb="33" eb="34">
      <t>イキ</t>
    </rPh>
    <phoneticPr fontId="24"/>
  </si>
  <si>
    <t>【表14】―６　年齢（３区分、５歳階級）別、男女別異動人口〈湘南地域〉</t>
    <rPh sb="12" eb="14">
      <t>クブン</t>
    </rPh>
    <rPh sb="33" eb="34">
      <t>イキ</t>
    </rPh>
    <phoneticPr fontId="24"/>
  </si>
  <si>
    <t xml:space="preserve"> (Ｂ)＝ｃ－ｄ</t>
    <phoneticPr fontId="24"/>
  </si>
  <si>
    <t>【表14】－７　年齢（３区分、５歳階級）別、男女別異動人口〈県西地域〉</t>
    <rPh sb="12" eb="14">
      <t>クブン</t>
    </rPh>
    <rPh sb="30" eb="32">
      <t>ケンセイ</t>
    </rPh>
    <rPh sb="33" eb="34">
      <t>イキ</t>
    </rPh>
    <phoneticPr fontId="24"/>
  </si>
  <si>
    <t>【表14】―７　年齢（３区分、５歳階級）別、男女別異動人口〈県西地域〉</t>
    <rPh sb="12" eb="14">
      <t>クブン</t>
    </rPh>
    <rPh sb="30" eb="32">
      <t>ケンセイ</t>
    </rPh>
    <rPh sb="33" eb="34">
      <t>イキ</t>
    </rPh>
    <phoneticPr fontId="24"/>
  </si>
  <si>
    <t>人　　口</t>
    <phoneticPr fontId="24"/>
  </si>
  <si>
    <t xml:space="preserve"> (Ａ)＝ａ－ｂ</t>
    <phoneticPr fontId="24"/>
  </si>
  <si>
    <t>ｂ</t>
    <phoneticPr fontId="31"/>
  </si>
  <si>
    <t xml:space="preserve">  100歳以上</t>
  </si>
  <si>
    <t>-</t>
    <phoneticPr fontId="24"/>
  </si>
  <si>
    <t xml:space="preserve">   5～ 9</t>
    <phoneticPr fontId="24"/>
  </si>
  <si>
    <t xml:space="preserve">  40～44</t>
    <phoneticPr fontId="24"/>
  </si>
  <si>
    <t xml:space="preserve">  50～54</t>
    <phoneticPr fontId="24"/>
  </si>
  <si>
    <t xml:space="preserve">  60～64</t>
    <phoneticPr fontId="24"/>
  </si>
  <si>
    <t xml:space="preserve">  75～79</t>
    <phoneticPr fontId="24"/>
  </si>
  <si>
    <t xml:space="preserve">  95～99</t>
    <phoneticPr fontId="24"/>
  </si>
  <si>
    <t xml:space="preserve">  15～64歳</t>
    <phoneticPr fontId="24"/>
  </si>
  <si>
    <t>【表15】－1　年齢（10歳階級）別、男女別異動人口〈神奈川県〉</t>
    <phoneticPr fontId="24"/>
  </si>
  <si>
    <t>【表15】―１　年齢（10歳階級）別、男女別異動人口〈神奈川県〉</t>
    <phoneticPr fontId="24"/>
  </si>
  <si>
    <t>翌年１月１日現在</t>
    <phoneticPr fontId="24"/>
  </si>
  <si>
    <t>出　　生</t>
    <phoneticPr fontId="24"/>
  </si>
  <si>
    <t>転　　入</t>
    <phoneticPr fontId="24"/>
  </si>
  <si>
    <t>転　　出</t>
    <phoneticPr fontId="24"/>
  </si>
  <si>
    <t>(Ａ＋Ｂ)</t>
    <phoneticPr fontId="24"/>
  </si>
  <si>
    <t xml:space="preserve"> (Ａ)＝ａ－ｂ</t>
    <phoneticPr fontId="24"/>
  </si>
  <si>
    <t>ａ</t>
    <phoneticPr fontId="24"/>
  </si>
  <si>
    <t>ｂ</t>
    <phoneticPr fontId="24"/>
  </si>
  <si>
    <t xml:space="preserve"> (Ｂ)＝ｃ－ｄ</t>
    <phoneticPr fontId="24"/>
  </si>
  <si>
    <t>ｃ</t>
    <phoneticPr fontId="24"/>
  </si>
  <si>
    <t>ｄ</t>
    <phoneticPr fontId="24"/>
  </si>
  <si>
    <t>女</t>
    <phoneticPr fontId="24"/>
  </si>
  <si>
    <t>総数</t>
    <rPh sb="0" eb="2">
      <t>ソウスウ</t>
    </rPh>
    <phoneticPr fontId="24"/>
  </si>
  <si>
    <t>(ア)</t>
  </si>
  <si>
    <t xml:space="preserve">  0～ 9歳</t>
  </si>
  <si>
    <t>和</t>
    <phoneticPr fontId="31"/>
  </si>
  <si>
    <t>・</t>
    <phoneticPr fontId="31"/>
  </si>
  <si>
    <t>１</t>
    <phoneticPr fontId="31"/>
  </si>
  <si>
    <t>元</t>
    <rPh sb="0" eb="1">
      <t>モト</t>
    </rPh>
    <phoneticPr fontId="31"/>
  </si>
  <si>
    <t>年</t>
    <phoneticPr fontId="31"/>
  </si>
  <si>
    <t>中</t>
    <phoneticPr fontId="31"/>
  </si>
  <si>
    <t>(イ)</t>
  </si>
  <si>
    <t>｜</t>
  </si>
  <si>
    <t>～</t>
  </si>
  <si>
    <t>令平</t>
    <rPh sb="0" eb="1">
      <t>レイ</t>
    </rPh>
    <rPh sb="1" eb="2">
      <t>ヒラ</t>
    </rPh>
    <phoneticPr fontId="31"/>
  </si>
  <si>
    <t>和成</t>
    <rPh sb="0" eb="1">
      <t>ワ</t>
    </rPh>
    <rPh sb="1" eb="2">
      <t>ナ</t>
    </rPh>
    <phoneticPr fontId="31"/>
  </si>
  <si>
    <t>和</t>
    <phoneticPr fontId="31"/>
  </si>
  <si>
    <t>元31</t>
    <rPh sb="0" eb="1">
      <t>モト</t>
    </rPh>
    <phoneticPr fontId="31"/>
  </si>
  <si>
    <t>年</t>
    <phoneticPr fontId="31"/>
  </si>
  <si>
    <t>中</t>
    <phoneticPr fontId="31"/>
  </si>
  <si>
    <t>増</t>
  </si>
  <si>
    <t>減</t>
  </si>
  <si>
    <t>(注)</t>
    <phoneticPr fontId="24"/>
  </si>
  <si>
    <t xml:space="preserve"> 2　転入及び転出は、県内市区町村間の移動を含む。</t>
    <phoneticPr fontId="24"/>
  </si>
  <si>
    <t>【表15】－2　年齢（10歳階級）別、男女別異動人口〈横　浜　市〉</t>
    <rPh sb="27" eb="28">
      <t>ヨコ</t>
    </rPh>
    <rPh sb="29" eb="30">
      <t>ハマ</t>
    </rPh>
    <rPh sb="31" eb="32">
      <t>シ</t>
    </rPh>
    <phoneticPr fontId="24"/>
  </si>
  <si>
    <t>【表15】―２　年齢（10歳階級）別、男女別異動人口〈横　浜　市〉</t>
    <rPh sb="27" eb="28">
      <t>ヨコ</t>
    </rPh>
    <rPh sb="29" eb="30">
      <t>ハマ</t>
    </rPh>
    <rPh sb="31" eb="32">
      <t>シ</t>
    </rPh>
    <phoneticPr fontId="24"/>
  </si>
  <si>
    <t>出　　生</t>
    <phoneticPr fontId="24"/>
  </si>
  <si>
    <t>転　　入</t>
    <phoneticPr fontId="24"/>
  </si>
  <si>
    <t>転　　出</t>
    <phoneticPr fontId="24"/>
  </si>
  <si>
    <t>(Ａ＋Ｂ)</t>
    <phoneticPr fontId="24"/>
  </si>
  <si>
    <t>ａ</t>
    <phoneticPr fontId="24"/>
  </si>
  <si>
    <t>ｃ</t>
    <phoneticPr fontId="24"/>
  </si>
  <si>
    <t>ｄ</t>
    <phoneticPr fontId="24"/>
  </si>
  <si>
    <t>女</t>
    <phoneticPr fontId="24"/>
  </si>
  <si>
    <t>和</t>
    <phoneticPr fontId="31"/>
  </si>
  <si>
    <t>・</t>
    <phoneticPr fontId="31"/>
  </si>
  <si>
    <t>１</t>
    <phoneticPr fontId="31"/>
  </si>
  <si>
    <t>年</t>
    <phoneticPr fontId="31"/>
  </si>
  <si>
    <t>中</t>
    <phoneticPr fontId="31"/>
  </si>
  <si>
    <t>年</t>
    <phoneticPr fontId="31"/>
  </si>
  <si>
    <t>中</t>
    <phoneticPr fontId="31"/>
  </si>
  <si>
    <t>(注)</t>
    <phoneticPr fontId="24"/>
  </si>
  <si>
    <t>【表15】－3　年齢（10歳階級）別、男女別異動人口〈川　崎　市〉</t>
    <rPh sb="27" eb="28">
      <t>カワ</t>
    </rPh>
    <rPh sb="29" eb="30">
      <t>ザキ</t>
    </rPh>
    <rPh sb="31" eb="32">
      <t>シ</t>
    </rPh>
    <phoneticPr fontId="24"/>
  </si>
  <si>
    <t>【表15】―３　年齢（10歳階級）別、男女別異動人口〈川　崎　市〉</t>
    <rPh sb="27" eb="28">
      <t>カワ</t>
    </rPh>
    <rPh sb="29" eb="30">
      <t>ザキ</t>
    </rPh>
    <rPh sb="31" eb="32">
      <t>シ</t>
    </rPh>
    <phoneticPr fontId="24"/>
  </si>
  <si>
    <t>翌年１月１日現在</t>
    <phoneticPr fontId="24"/>
  </si>
  <si>
    <t>出　　生</t>
    <phoneticPr fontId="24"/>
  </si>
  <si>
    <t>転　　出</t>
    <phoneticPr fontId="24"/>
  </si>
  <si>
    <t>ａ</t>
    <phoneticPr fontId="24"/>
  </si>
  <si>
    <t>ｃ</t>
    <phoneticPr fontId="24"/>
  </si>
  <si>
    <t>ｄ</t>
    <phoneticPr fontId="24"/>
  </si>
  <si>
    <t>女</t>
    <phoneticPr fontId="24"/>
  </si>
  <si>
    <t>・</t>
    <phoneticPr fontId="31"/>
  </si>
  <si>
    <t>１</t>
    <phoneticPr fontId="31"/>
  </si>
  <si>
    <t>年</t>
    <phoneticPr fontId="31"/>
  </si>
  <si>
    <t>中</t>
    <phoneticPr fontId="31"/>
  </si>
  <si>
    <t>年</t>
    <rPh sb="0" eb="1">
      <t>ネン</t>
    </rPh>
    <phoneticPr fontId="31"/>
  </si>
  <si>
    <t>中</t>
    <rPh sb="0" eb="1">
      <t>ナカ</t>
    </rPh>
    <phoneticPr fontId="31"/>
  </si>
  <si>
    <t>(注)</t>
    <phoneticPr fontId="24"/>
  </si>
  <si>
    <t xml:space="preserve"> 2　転入及び転出は、県内市区町村間の移動を含む。</t>
    <phoneticPr fontId="24"/>
  </si>
  <si>
    <t>【表15】－4　年齢（10歳階級）別、男女別異動人口〈横須賀三浦地域〉</t>
    <rPh sb="33" eb="34">
      <t>イキ</t>
    </rPh>
    <phoneticPr fontId="24"/>
  </si>
  <si>
    <t>【表15】―４　年齢（10歳階級）別、男女別異動人口〈横須賀三浦地域〉</t>
    <rPh sb="33" eb="34">
      <t>イキ</t>
    </rPh>
    <phoneticPr fontId="24"/>
  </si>
  <si>
    <t>翌年１月１日現在</t>
    <phoneticPr fontId="24"/>
  </si>
  <si>
    <t>出　　生</t>
    <phoneticPr fontId="24"/>
  </si>
  <si>
    <t>転　　入</t>
    <phoneticPr fontId="24"/>
  </si>
  <si>
    <t>転　　出</t>
    <phoneticPr fontId="24"/>
  </si>
  <si>
    <t>(Ａ＋Ｂ)</t>
    <phoneticPr fontId="24"/>
  </si>
  <si>
    <t xml:space="preserve"> (Ａ)＝ａ－ｂ</t>
    <phoneticPr fontId="24"/>
  </si>
  <si>
    <t>ａ</t>
    <phoneticPr fontId="24"/>
  </si>
  <si>
    <t>ｂ</t>
    <phoneticPr fontId="24"/>
  </si>
  <si>
    <t xml:space="preserve"> (Ｂ)＝ｃ－ｄ</t>
    <phoneticPr fontId="24"/>
  </si>
  <si>
    <t>ｃ</t>
    <phoneticPr fontId="24"/>
  </si>
  <si>
    <t>ｄ</t>
    <phoneticPr fontId="24"/>
  </si>
  <si>
    <t>年</t>
    <phoneticPr fontId="31"/>
  </si>
  <si>
    <t>中</t>
    <phoneticPr fontId="31"/>
  </si>
  <si>
    <t>和</t>
    <phoneticPr fontId="31"/>
  </si>
  <si>
    <t>(注)</t>
    <phoneticPr fontId="24"/>
  </si>
  <si>
    <t>【表15】－5　年齢（10歳階級）別、男女別異動人口〈県央地域〉</t>
    <rPh sb="30" eb="31">
      <t>イキ</t>
    </rPh>
    <phoneticPr fontId="24"/>
  </si>
  <si>
    <t>【表15】―５　年齢（10歳階級）別、男女別異動人口〈県央地域〉</t>
    <rPh sb="30" eb="31">
      <t>イキ</t>
    </rPh>
    <phoneticPr fontId="24"/>
  </si>
  <si>
    <t>人　　口</t>
    <phoneticPr fontId="24"/>
  </si>
  <si>
    <t>出　　生</t>
    <phoneticPr fontId="24"/>
  </si>
  <si>
    <t>転　　入</t>
    <phoneticPr fontId="24"/>
  </si>
  <si>
    <t>転　　出</t>
    <phoneticPr fontId="24"/>
  </si>
  <si>
    <t>(Ａ＋Ｂ)</t>
    <phoneticPr fontId="24"/>
  </si>
  <si>
    <t>ａ</t>
    <phoneticPr fontId="24"/>
  </si>
  <si>
    <t>ｃ</t>
    <phoneticPr fontId="24"/>
  </si>
  <si>
    <t>ｄ</t>
    <phoneticPr fontId="24"/>
  </si>
  <si>
    <t>女</t>
    <phoneticPr fontId="24"/>
  </si>
  <si>
    <t>和</t>
    <phoneticPr fontId="31"/>
  </si>
  <si>
    <t>１</t>
    <phoneticPr fontId="31"/>
  </si>
  <si>
    <t>和</t>
    <phoneticPr fontId="31"/>
  </si>
  <si>
    <t>(注)</t>
    <phoneticPr fontId="24"/>
  </si>
  <si>
    <t xml:space="preserve"> 2　転入及び転出は、県内市区町村間の移動を含む。</t>
    <phoneticPr fontId="24"/>
  </si>
  <si>
    <t>【表15】－6　年齢（10歳階級）別、男女別異動人口〈湘南地域〉</t>
    <rPh sb="30" eb="31">
      <t>イキ</t>
    </rPh>
    <phoneticPr fontId="24"/>
  </si>
  <si>
    <t>【表15】―６　年齢（10歳階級）別、男女別異動人口〈湘南地域〉</t>
    <rPh sb="30" eb="31">
      <t>イキ</t>
    </rPh>
    <phoneticPr fontId="24"/>
  </si>
  <si>
    <t>人　　口</t>
    <phoneticPr fontId="24"/>
  </si>
  <si>
    <t>ｂ</t>
    <phoneticPr fontId="24"/>
  </si>
  <si>
    <t>・</t>
    <phoneticPr fontId="31"/>
  </si>
  <si>
    <t>１</t>
    <phoneticPr fontId="31"/>
  </si>
  <si>
    <t>和</t>
    <phoneticPr fontId="31"/>
  </si>
  <si>
    <t xml:space="preserve"> 2　転入及び転出は、県内市区町村間の移動を含む。</t>
    <phoneticPr fontId="24"/>
  </si>
  <si>
    <t>【表15】－7　年齢（10歳階級）別、男女別異動人口〈県西地域〉</t>
    <rPh sb="27" eb="29">
      <t>ケンセイ</t>
    </rPh>
    <rPh sb="30" eb="31">
      <t>イキ</t>
    </rPh>
    <phoneticPr fontId="24"/>
  </si>
  <si>
    <t>【表15】―７　年齢（10歳階級）別、男女別異動人口〈県西地域〉</t>
    <rPh sb="27" eb="29">
      <t>ケンセイ</t>
    </rPh>
    <rPh sb="30" eb="31">
      <t>イキ</t>
    </rPh>
    <phoneticPr fontId="24"/>
  </si>
  <si>
    <t>翌年１月１日現在</t>
    <phoneticPr fontId="24"/>
  </si>
  <si>
    <t>人　　口</t>
    <phoneticPr fontId="24"/>
  </si>
  <si>
    <t>出　　生</t>
    <phoneticPr fontId="24"/>
  </si>
  <si>
    <t>転　　入</t>
    <phoneticPr fontId="24"/>
  </si>
  <si>
    <t>転　　出</t>
    <phoneticPr fontId="24"/>
  </si>
  <si>
    <t xml:space="preserve"> (Ａ)＝ａ－ｂ</t>
    <phoneticPr fontId="24"/>
  </si>
  <si>
    <t>ａ</t>
    <phoneticPr fontId="24"/>
  </si>
  <si>
    <t>ｂ</t>
    <phoneticPr fontId="24"/>
  </si>
  <si>
    <t>ｃ</t>
    <phoneticPr fontId="24"/>
  </si>
  <si>
    <t>女</t>
    <phoneticPr fontId="24"/>
  </si>
  <si>
    <t>・</t>
    <phoneticPr fontId="31"/>
  </si>
  <si>
    <t>１</t>
    <phoneticPr fontId="31"/>
  </si>
  <si>
    <t>和</t>
    <phoneticPr fontId="31"/>
  </si>
  <si>
    <t xml:space="preserve"> 2　転入及び転出は、県内市区町村間の移動を含む。</t>
    <phoneticPr fontId="24"/>
  </si>
  <si>
    <t>【表16】-1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4"/>
  </si>
  <si>
    <t xml:space="preserve">  総数〔出生、死亡、転入、転出〕</t>
    <rPh sb="2" eb="4">
      <t>ソウスウ</t>
    </rPh>
    <rPh sb="5" eb="7">
      <t>シュッショウ</t>
    </rPh>
    <rPh sb="8" eb="10">
      <t>シボウ</t>
    </rPh>
    <rPh sb="11" eb="13">
      <t>テンニュウ</t>
    </rPh>
    <rPh sb="14" eb="16">
      <t>テンシュツ</t>
    </rPh>
    <phoneticPr fontId="24"/>
  </si>
  <si>
    <t>(単位：人)  平成31・令和元年中</t>
    <rPh sb="1" eb="3">
      <t>タンイ</t>
    </rPh>
    <rPh sb="4" eb="5">
      <t>ニン</t>
    </rPh>
    <rPh sb="13" eb="15">
      <t>レイワ</t>
    </rPh>
    <rPh sb="15" eb="16">
      <t>モト</t>
    </rPh>
    <phoneticPr fontId="24"/>
  </si>
  <si>
    <t>出　　生</t>
    <rPh sb="0" eb="4">
      <t>シュッショウ</t>
    </rPh>
    <phoneticPr fontId="24"/>
  </si>
  <si>
    <t>死　　亡</t>
    <phoneticPr fontId="24"/>
  </si>
  <si>
    <t>転　　入</t>
    <phoneticPr fontId="24"/>
  </si>
  <si>
    <t>地域・市区町村</t>
    <phoneticPr fontId="24"/>
  </si>
  <si>
    <t xml:space="preserve"> 県　　計</t>
    <rPh sb="1" eb="2">
      <t>ケンケイ</t>
    </rPh>
    <rPh sb="4" eb="5">
      <t>ケイ</t>
    </rPh>
    <phoneticPr fontId="24"/>
  </si>
  <si>
    <t>横浜市</t>
    <rPh sb="0" eb="2">
      <t>ヨコハマシ</t>
    </rPh>
    <phoneticPr fontId="24"/>
  </si>
  <si>
    <t>鶴見区</t>
  </si>
  <si>
    <t>神奈川区</t>
  </si>
  <si>
    <t>西区</t>
  </si>
  <si>
    <t>中区</t>
  </si>
  <si>
    <t>南区</t>
  </si>
  <si>
    <t>保土ケ谷区</t>
    <phoneticPr fontId="24"/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川崎市</t>
    <rPh sb="0" eb="2">
      <t>カワサキシ</t>
    </rPh>
    <phoneticPr fontId="24"/>
  </si>
  <si>
    <t>川崎区</t>
  </si>
  <si>
    <t>幸区</t>
  </si>
  <si>
    <t>中原区</t>
  </si>
  <si>
    <t>高津区</t>
  </si>
  <si>
    <t>多摩区</t>
  </si>
  <si>
    <t>麻生区</t>
  </si>
  <si>
    <t>横須賀三浦地域</t>
    <rPh sb="0" eb="3">
      <t>ヨコスカ</t>
    </rPh>
    <rPh sb="3" eb="5">
      <t>ミウラ</t>
    </rPh>
    <rPh sb="5" eb="7">
      <t>チイキ</t>
    </rPh>
    <phoneticPr fontId="24"/>
  </si>
  <si>
    <t>横須賀市</t>
  </si>
  <si>
    <t>鎌倉市</t>
  </si>
  <si>
    <t>逗子市</t>
  </si>
  <si>
    <t>三浦市</t>
  </si>
  <si>
    <t>葉山町</t>
  </si>
  <si>
    <t>県 央 地 域</t>
    <rPh sb="0" eb="1">
      <t>ケン</t>
    </rPh>
    <rPh sb="2" eb="3">
      <t>オウ</t>
    </rPh>
    <rPh sb="4" eb="5">
      <t>チ</t>
    </rPh>
    <rPh sb="6" eb="7">
      <t>イキ</t>
    </rPh>
    <phoneticPr fontId="24"/>
  </si>
  <si>
    <t>相　模　原　市</t>
    <rPh sb="0" eb="1">
      <t>ソウ</t>
    </rPh>
    <rPh sb="2" eb="3">
      <t>ボ</t>
    </rPh>
    <rPh sb="4" eb="5">
      <t>ハラ</t>
    </rPh>
    <rPh sb="6" eb="7">
      <t>シ</t>
    </rPh>
    <phoneticPr fontId="24"/>
  </si>
  <si>
    <t>緑区</t>
    <rPh sb="0" eb="2">
      <t>ミドリク</t>
    </rPh>
    <phoneticPr fontId="24"/>
  </si>
  <si>
    <t>中央区</t>
    <rPh sb="0" eb="3">
      <t>チュウオウク</t>
    </rPh>
    <phoneticPr fontId="24"/>
  </si>
  <si>
    <t>南区</t>
    <rPh sb="0" eb="2">
      <t>ミナミク</t>
    </rPh>
    <phoneticPr fontId="24"/>
  </si>
  <si>
    <t>厚木市</t>
  </si>
  <si>
    <t>大和市</t>
  </si>
  <si>
    <t>海老名市</t>
  </si>
  <si>
    <t>座間市</t>
  </si>
  <si>
    <t>綾瀬市</t>
  </si>
  <si>
    <t>愛川町</t>
  </si>
  <si>
    <t>湘　南 地 域</t>
    <rPh sb="0" eb="1">
      <t>ショウ</t>
    </rPh>
    <rPh sb="2" eb="3">
      <t>ミナミ</t>
    </rPh>
    <rPh sb="4" eb="5">
      <t>チ</t>
    </rPh>
    <rPh sb="6" eb="7">
      <t>イキ</t>
    </rPh>
    <phoneticPr fontId="24"/>
  </si>
  <si>
    <t>平塚市</t>
  </si>
  <si>
    <t>藤沢市</t>
  </si>
  <si>
    <t>茅ヶ崎市</t>
  </si>
  <si>
    <t>秦野市</t>
  </si>
  <si>
    <t>伊勢原市</t>
  </si>
  <si>
    <t>寒川町</t>
  </si>
  <si>
    <t>大磯町</t>
  </si>
  <si>
    <t>二宮町</t>
  </si>
  <si>
    <t>県西地域</t>
    <rPh sb="0" eb="2">
      <t>ケンセイ</t>
    </rPh>
    <rPh sb="2" eb="4">
      <t>チイキ</t>
    </rPh>
    <phoneticPr fontId="24"/>
  </si>
  <si>
    <t>小田原市</t>
  </si>
  <si>
    <t>南足柄市</t>
  </si>
  <si>
    <t>中井町</t>
  </si>
  <si>
    <t>大井町</t>
  </si>
  <si>
    <t>松田町</t>
  </si>
  <si>
    <t>【表16】-2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19">
      <t>ダンジョ</t>
    </rPh>
    <rPh sb="19" eb="20">
      <t>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4"/>
  </si>
  <si>
    <t>〔死  亡〕</t>
    <rPh sb="1" eb="5">
      <t>シボウ</t>
    </rPh>
    <phoneticPr fontId="24"/>
  </si>
  <si>
    <t>(単位：人)  平成31・令和元年中</t>
  </si>
  <si>
    <t>総　　数</t>
    <rPh sb="0" eb="4">
      <t>ソウスウ</t>
    </rPh>
    <phoneticPr fontId="24"/>
  </si>
  <si>
    <t>０～14歳</t>
  </si>
  <si>
    <t>地域・市区町村</t>
    <phoneticPr fontId="24"/>
  </si>
  <si>
    <t xml:space="preserve"> 県　　計</t>
    <phoneticPr fontId="24"/>
  </si>
  <si>
    <t>保土ケ谷区</t>
    <phoneticPr fontId="24"/>
  </si>
  <si>
    <t>県央地域</t>
    <rPh sb="0" eb="1">
      <t>ケン</t>
    </rPh>
    <rPh sb="1" eb="2">
      <t>オウ</t>
    </rPh>
    <rPh sb="2" eb="3">
      <t>チク</t>
    </rPh>
    <rPh sb="3" eb="4">
      <t>イキ</t>
    </rPh>
    <phoneticPr fontId="24"/>
  </si>
  <si>
    <t>相　模　原　市</t>
    <phoneticPr fontId="24"/>
  </si>
  <si>
    <t>湘南地域</t>
    <rPh sb="0" eb="1">
      <t>ショウ</t>
    </rPh>
    <rPh sb="1" eb="2">
      <t>ミナミ</t>
    </rPh>
    <rPh sb="2" eb="3">
      <t>チク</t>
    </rPh>
    <rPh sb="3" eb="4">
      <t>イキ</t>
    </rPh>
    <phoneticPr fontId="24"/>
  </si>
  <si>
    <t>県西地域</t>
    <rPh sb="0" eb="2">
      <t>ケンセイ</t>
    </rPh>
    <rPh sb="2" eb="3">
      <t>チク</t>
    </rPh>
    <rPh sb="3" eb="4">
      <t>イキ</t>
    </rPh>
    <phoneticPr fontId="24"/>
  </si>
  <si>
    <t>【表16】-3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4"/>
  </si>
  <si>
    <t>〔転  入〕</t>
    <rPh sb="1" eb="5">
      <t>テンニュウ</t>
    </rPh>
    <phoneticPr fontId="24"/>
  </si>
  <si>
    <t xml:space="preserve"> 県　　計</t>
    <phoneticPr fontId="24"/>
  </si>
  <si>
    <t>保土ケ谷区</t>
    <phoneticPr fontId="24"/>
  </si>
  <si>
    <t>県央地域</t>
    <rPh sb="0" eb="1">
      <t>ケン</t>
    </rPh>
    <rPh sb="1" eb="2">
      <t>オウ</t>
    </rPh>
    <phoneticPr fontId="24"/>
  </si>
  <si>
    <t>相  模  原  市</t>
    <phoneticPr fontId="24"/>
  </si>
  <si>
    <t>湘南地域</t>
    <rPh sb="0" eb="1">
      <t>ショウ</t>
    </rPh>
    <rPh sb="1" eb="2">
      <t>ミナミ</t>
    </rPh>
    <phoneticPr fontId="24"/>
  </si>
  <si>
    <t>県西地域</t>
    <rPh sb="0" eb="2">
      <t>ケンセイ</t>
    </rPh>
    <phoneticPr fontId="24"/>
  </si>
  <si>
    <t>【表16】-4  年齢（３区分）別、男女別異動人口〈神奈川県、地域、市区町村〉</t>
    <rPh sb="1" eb="2">
      <t>ヒョウ</t>
    </rPh>
    <rPh sb="9" eb="11">
      <t>ネンレイ</t>
    </rPh>
    <rPh sb="13" eb="15">
      <t>クブン</t>
    </rPh>
    <rPh sb="16" eb="17">
      <t>ベツ</t>
    </rPh>
    <rPh sb="18" eb="21">
      <t>ダンジョベツ</t>
    </rPh>
    <rPh sb="21" eb="23">
      <t>イドウ</t>
    </rPh>
    <rPh sb="23" eb="25">
      <t>ジンコウ</t>
    </rPh>
    <rPh sb="26" eb="30">
      <t>カナガワケン</t>
    </rPh>
    <rPh sb="34" eb="36">
      <t>シク</t>
    </rPh>
    <rPh sb="36" eb="38">
      <t>チョウソン</t>
    </rPh>
    <phoneticPr fontId="24"/>
  </si>
  <si>
    <t>〔転  出〕</t>
    <rPh sb="1" eb="5">
      <t>テンシュツ</t>
    </rPh>
    <phoneticPr fontId="24"/>
  </si>
  <si>
    <t>相  模  原  市</t>
    <phoneticPr fontId="24"/>
  </si>
  <si>
    <t>〈参考資料１〉市区町村別人口及び異動人口</t>
    <rPh sb="1" eb="3">
      <t>サンコウ</t>
    </rPh>
    <rPh sb="3" eb="5">
      <t>シリョウ</t>
    </rPh>
    <rPh sb="7" eb="9">
      <t>シク</t>
    </rPh>
    <rPh sb="9" eb="11">
      <t>チョウソン</t>
    </rPh>
    <rPh sb="11" eb="12">
      <t>ベツ</t>
    </rPh>
    <rPh sb="12" eb="14">
      <t>ジンコウ</t>
    </rPh>
    <rPh sb="14" eb="15">
      <t>オヨ</t>
    </rPh>
    <rPh sb="16" eb="18">
      <t>イドウ</t>
    </rPh>
    <rPh sb="18" eb="20">
      <t>ジンコウ</t>
    </rPh>
    <phoneticPr fontId="2"/>
  </si>
  <si>
    <t>「神奈川県人口統計調査報告・平成31年１月～令和元年12月｣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ガツ</t>
    </rPh>
    <rPh sb="22" eb="24">
      <t>レイワ</t>
    </rPh>
    <rPh sb="24" eb="25">
      <t>モト</t>
    </rPh>
    <rPh sb="25" eb="26">
      <t>ネン</t>
    </rPh>
    <rPh sb="28" eb="29">
      <t>ガツ</t>
    </rPh>
    <rPh sb="30" eb="32">
      <t>バッスイ</t>
    </rPh>
    <phoneticPr fontId="2"/>
  </si>
  <si>
    <t>①＋②</t>
    <phoneticPr fontId="2"/>
  </si>
  <si>
    <t>②</t>
    <phoneticPr fontId="2"/>
  </si>
  <si>
    <t>①</t>
    <phoneticPr fontId="2"/>
  </si>
  <si>
    <t>令和２年</t>
    <rPh sb="0" eb="2">
      <t>レイワ</t>
    </rPh>
    <rPh sb="3" eb="4">
      <t>ネン</t>
    </rPh>
    <phoneticPr fontId="2"/>
  </si>
  <si>
    <t>平成31・令和元</t>
    <rPh sb="0" eb="2">
      <t>ヘイセイ</t>
    </rPh>
    <rPh sb="5" eb="7">
      <t>レイワ</t>
    </rPh>
    <rPh sb="7" eb="8">
      <t>モト</t>
    </rPh>
    <phoneticPr fontId="2"/>
  </si>
  <si>
    <t>平成31年</t>
    <rPh sb="0" eb="2">
      <t>ヘイセイ</t>
    </rPh>
    <rPh sb="4" eb="5">
      <t>ネン</t>
    </rPh>
    <phoneticPr fontId="2"/>
  </si>
  <si>
    <t>　地域・市区町村名</t>
    <rPh sb="4" eb="6">
      <t>シク</t>
    </rPh>
    <rPh sb="6" eb="8">
      <t>チョウソン</t>
    </rPh>
    <rPh sb="8" eb="9">
      <t>メイ</t>
    </rPh>
    <phoneticPr fontId="2"/>
  </si>
  <si>
    <t>1月1日現在</t>
    <rPh sb="1" eb="2">
      <t>ツキ</t>
    </rPh>
    <rPh sb="3" eb="4">
      <t>ヒ</t>
    </rPh>
    <rPh sb="4" eb="6">
      <t>ゲンザイ</t>
    </rPh>
    <phoneticPr fontId="2"/>
  </si>
  <si>
    <t>年中人口増減</t>
    <rPh sb="0" eb="1">
      <t>ネン</t>
    </rPh>
    <rPh sb="1" eb="2">
      <t>ナカ</t>
    </rPh>
    <rPh sb="2" eb="4">
      <t>ジンコウ</t>
    </rPh>
    <rPh sb="4" eb="6">
      <t>ゾウゲン</t>
    </rPh>
    <phoneticPr fontId="2"/>
  </si>
  <si>
    <t>自然増減</t>
    <rPh sb="0" eb="2">
      <t>シゼン</t>
    </rPh>
    <rPh sb="2" eb="3">
      <t>ゾウ</t>
    </rPh>
    <rPh sb="3" eb="4">
      <t>ゲン</t>
    </rPh>
    <phoneticPr fontId="2"/>
  </si>
  <si>
    <t>出　生</t>
    <rPh sb="0" eb="3">
      <t>シュッショウ</t>
    </rPh>
    <phoneticPr fontId="2"/>
  </si>
  <si>
    <t>死　亡</t>
    <rPh sb="0" eb="3">
      <t>シボウ</t>
    </rPh>
    <phoneticPr fontId="2"/>
  </si>
  <si>
    <t>社会増減</t>
    <rPh sb="0" eb="2">
      <t>シャカイ</t>
    </rPh>
    <rPh sb="2" eb="3">
      <t>ゾウ</t>
    </rPh>
    <rPh sb="3" eb="4">
      <t>ゲン</t>
    </rPh>
    <phoneticPr fontId="2"/>
  </si>
  <si>
    <t>転　入</t>
    <rPh sb="0" eb="1">
      <t>テンシュッショウ</t>
    </rPh>
    <rPh sb="2" eb="3">
      <t>ニュウ</t>
    </rPh>
    <phoneticPr fontId="2"/>
  </si>
  <si>
    <t>転　出</t>
    <rPh sb="0" eb="1">
      <t>テン</t>
    </rPh>
    <rPh sb="2" eb="3">
      <t>シボウ</t>
    </rPh>
    <phoneticPr fontId="2"/>
  </si>
  <si>
    <t>人　口</t>
    <rPh sb="0" eb="3">
      <t>ジンコウ</t>
    </rPh>
    <phoneticPr fontId="2"/>
  </si>
  <si>
    <t>（Α＋Β）</t>
    <phoneticPr fontId="2"/>
  </si>
  <si>
    <t>（A）=a－b</t>
    <phoneticPr fontId="2"/>
  </si>
  <si>
    <t>a</t>
    <phoneticPr fontId="2"/>
  </si>
  <si>
    <t>b</t>
    <phoneticPr fontId="2"/>
  </si>
  <si>
    <t>（B）=c－d</t>
    <phoneticPr fontId="2"/>
  </si>
  <si>
    <t>c</t>
    <phoneticPr fontId="2"/>
  </si>
  <si>
    <t>c</t>
    <phoneticPr fontId="2"/>
  </si>
  <si>
    <t>d</t>
    <phoneticPr fontId="2"/>
  </si>
  <si>
    <t>横浜市</t>
    <rPh sb="0" eb="1">
      <t>ヨコハマシ</t>
    </rPh>
    <phoneticPr fontId="2"/>
  </si>
  <si>
    <t>保土ケ谷区</t>
    <phoneticPr fontId="2"/>
  </si>
  <si>
    <t>川崎市</t>
    <rPh sb="0" eb="2">
      <t>カワサキシ</t>
    </rPh>
    <phoneticPr fontId="2"/>
  </si>
  <si>
    <t>横須賀三浦 地 域</t>
    <rPh sb="0" eb="3">
      <t>ヨコスカ</t>
    </rPh>
    <rPh sb="3" eb="5">
      <t>ミウラ</t>
    </rPh>
    <rPh sb="6" eb="7">
      <t>チ</t>
    </rPh>
    <rPh sb="8" eb="9">
      <t>イキ</t>
    </rPh>
    <phoneticPr fontId="24"/>
  </si>
  <si>
    <t>県央地域</t>
    <rPh sb="0" eb="1">
      <t>ケン</t>
    </rPh>
    <rPh sb="1" eb="2">
      <t>オウ</t>
    </rPh>
    <rPh sb="2" eb="3">
      <t>チ</t>
    </rPh>
    <rPh sb="3" eb="4">
      <t>イキ</t>
    </rPh>
    <phoneticPr fontId="24"/>
  </si>
  <si>
    <t>　相   模   原   市</t>
    <phoneticPr fontId="2"/>
  </si>
  <si>
    <t>緑区</t>
    <rPh sb="0" eb="1">
      <t>ミドリ</t>
    </rPh>
    <rPh sb="1" eb="2">
      <t>ク</t>
    </rPh>
    <phoneticPr fontId="2"/>
  </si>
  <si>
    <t>中央区</t>
    <rPh sb="0" eb="3">
      <t>チュウオウク</t>
    </rPh>
    <phoneticPr fontId="2"/>
  </si>
  <si>
    <t>南区</t>
    <rPh sb="0" eb="1">
      <t>ミナミ</t>
    </rPh>
    <rPh sb="1" eb="2">
      <t>ク</t>
    </rPh>
    <phoneticPr fontId="2"/>
  </si>
  <si>
    <t>湘南地域</t>
    <rPh sb="0" eb="1">
      <t>ショウ</t>
    </rPh>
    <rPh sb="1" eb="2">
      <t>ミナミ</t>
    </rPh>
    <rPh sb="2" eb="3">
      <t>チ</t>
    </rPh>
    <rPh sb="3" eb="4">
      <t>イキ</t>
    </rPh>
    <phoneticPr fontId="24"/>
  </si>
  <si>
    <t>県 西 地 域</t>
    <rPh sb="0" eb="1">
      <t>ケン</t>
    </rPh>
    <rPh sb="2" eb="3">
      <t>ニシ</t>
    </rPh>
    <rPh sb="4" eb="5">
      <t>チ</t>
    </rPh>
    <rPh sb="6" eb="7">
      <t>イキ</t>
    </rPh>
    <phoneticPr fontId="24"/>
  </si>
  <si>
    <t>(注)   1　社会増減のうち、正数は転入超過を、負数は転出超過を表している。</t>
    <rPh sb="1" eb="2">
      <t>チュウ</t>
    </rPh>
    <rPh sb="11" eb="12">
      <t>ゲン</t>
    </rPh>
    <phoneticPr fontId="24"/>
  </si>
  <si>
    <t>　</t>
    <phoneticPr fontId="2"/>
  </si>
  <si>
    <t xml:space="preserve">        2  転入及び転出は、県内市区町村間の移動を含む。</t>
    <rPh sb="11" eb="13">
      <t>テンニュウ</t>
    </rPh>
    <rPh sb="13" eb="14">
      <t>オヨ</t>
    </rPh>
    <rPh sb="15" eb="17">
      <t>テンシュツ</t>
    </rPh>
    <rPh sb="19" eb="21">
      <t>ケンナイ</t>
    </rPh>
    <rPh sb="21" eb="23">
      <t>シク</t>
    </rPh>
    <rPh sb="23" eb="25">
      <t>チョウソン</t>
    </rPh>
    <rPh sb="25" eb="26">
      <t>カン</t>
    </rPh>
    <rPh sb="27" eb="29">
      <t>イドウ</t>
    </rPh>
    <rPh sb="30" eb="31">
      <t>フク</t>
    </rPh>
    <phoneticPr fontId="24"/>
  </si>
  <si>
    <t xml:space="preserve"> </t>
    <phoneticPr fontId="2"/>
  </si>
  <si>
    <t>&lt;参考資料２&gt;神奈川県年次別人口及び異動人口の推移</t>
    <rPh sb="1" eb="3">
      <t>サンコウ</t>
    </rPh>
    <rPh sb="3" eb="5">
      <t>シリョウ</t>
    </rPh>
    <rPh sb="7" eb="11">
      <t>カナガワケン</t>
    </rPh>
    <rPh sb="11" eb="13">
      <t>ネンジ</t>
    </rPh>
    <rPh sb="13" eb="14">
      <t>ベツ</t>
    </rPh>
    <rPh sb="14" eb="16">
      <t>ジンコウ</t>
    </rPh>
    <rPh sb="16" eb="17">
      <t>オヨ</t>
    </rPh>
    <rPh sb="18" eb="20">
      <t>イドウ</t>
    </rPh>
    <rPh sb="20" eb="22">
      <t>ジンコウ</t>
    </rPh>
    <rPh sb="23" eb="25">
      <t>スイイ</t>
    </rPh>
    <phoneticPr fontId="2"/>
  </si>
  <si>
    <t>「神奈川県人口統計調査報告・平成31年1月～令和元年12月」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ツキ</t>
    </rPh>
    <rPh sb="22" eb="24">
      <t>レイワ</t>
    </rPh>
    <rPh sb="24" eb="26">
      <t>ガンネン</t>
    </rPh>
    <rPh sb="28" eb="29">
      <t>ガツ</t>
    </rPh>
    <rPh sb="30" eb="32">
      <t>バッスイ</t>
    </rPh>
    <phoneticPr fontId="2"/>
  </si>
  <si>
    <t>翌年1月1日現在人口</t>
    <rPh sb="0" eb="2">
      <t>ヨクネン</t>
    </rPh>
    <rPh sb="3" eb="4">
      <t>ガツ</t>
    </rPh>
    <rPh sb="5" eb="6">
      <t>ニチ</t>
    </rPh>
    <rPh sb="6" eb="8">
      <t>ゲンザイ</t>
    </rPh>
    <rPh sb="8" eb="10">
      <t>ジンコ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異動人口</t>
    <rPh sb="0" eb="2">
      <t>イドウ</t>
    </rPh>
    <rPh sb="2" eb="4">
      <t>ジンコウ</t>
    </rPh>
    <phoneticPr fontId="2"/>
  </si>
  <si>
    <t>人口増減</t>
    <rPh sb="0" eb="2">
      <t>ジンコウ</t>
    </rPh>
    <rPh sb="2" eb="4">
      <t>ゾウゲン</t>
    </rPh>
    <phoneticPr fontId="2"/>
  </si>
  <si>
    <t>自然増減</t>
    <rPh sb="0" eb="3">
      <t>シゼンゾウ</t>
    </rPh>
    <rPh sb="3" eb="4">
      <t>ゲン</t>
    </rPh>
    <phoneticPr fontId="2"/>
  </si>
  <si>
    <t>出  生</t>
    <rPh sb="0" eb="1">
      <t>デ</t>
    </rPh>
    <rPh sb="3" eb="4">
      <t>ショウ</t>
    </rPh>
    <phoneticPr fontId="2"/>
  </si>
  <si>
    <t>死  亡</t>
    <rPh sb="0" eb="1">
      <t>シ</t>
    </rPh>
    <rPh sb="3" eb="4">
      <t>ボウ</t>
    </rPh>
    <phoneticPr fontId="2"/>
  </si>
  <si>
    <t>転  入</t>
    <rPh sb="0" eb="1">
      <t>テン</t>
    </rPh>
    <rPh sb="3" eb="4">
      <t>イリ</t>
    </rPh>
    <phoneticPr fontId="2"/>
  </si>
  <si>
    <t>転  出</t>
    <rPh sb="0" eb="1">
      <t>テン</t>
    </rPh>
    <rPh sb="3" eb="4">
      <t>デ</t>
    </rPh>
    <phoneticPr fontId="2"/>
  </si>
  <si>
    <t>対象期間</t>
    <rPh sb="0" eb="2">
      <t>タイショウ</t>
    </rPh>
    <rPh sb="2" eb="4">
      <t>キカン</t>
    </rPh>
    <phoneticPr fontId="2"/>
  </si>
  <si>
    <t>（A+B）</t>
    <phoneticPr fontId="2"/>
  </si>
  <si>
    <t>(A)=a-b</t>
    <phoneticPr fontId="2"/>
  </si>
  <si>
    <t>(B)=c-d</t>
    <phoneticPr fontId="2"/>
  </si>
  <si>
    <t>d</t>
    <phoneticPr fontId="2"/>
  </si>
  <si>
    <t>平成31・令和元年中</t>
    <rPh sb="0" eb="2">
      <t>ヘイセイ</t>
    </rPh>
    <rPh sb="5" eb="7">
      <t>レイワ</t>
    </rPh>
    <rPh sb="7" eb="8">
      <t>モト</t>
    </rPh>
    <rPh sb="8" eb="9">
      <t>ネン</t>
    </rPh>
    <rPh sb="9" eb="10">
      <t>ナカ</t>
    </rPh>
    <phoneticPr fontId="2"/>
  </si>
  <si>
    <t>平成31</t>
    <rPh sb="0" eb="2">
      <t>ヘイセイ</t>
    </rPh>
    <phoneticPr fontId="2"/>
  </si>
  <si>
    <t>27(2015)</t>
  </si>
  <si>
    <t>22(2010)</t>
  </si>
  <si>
    <t>17(2005)</t>
  </si>
  <si>
    <t>12(2000)</t>
  </si>
  <si>
    <t>９</t>
  </si>
  <si>
    <t>８</t>
  </si>
  <si>
    <t>７(1995)</t>
  </si>
  <si>
    <t>７</t>
  </si>
  <si>
    <t>６</t>
  </si>
  <si>
    <t>５</t>
  </si>
  <si>
    <t>４</t>
  </si>
  <si>
    <t>３</t>
  </si>
  <si>
    <t>２(1990)</t>
  </si>
  <si>
    <t>２</t>
  </si>
  <si>
    <t>元</t>
    <rPh sb="0" eb="1">
      <t>ゲン</t>
    </rPh>
    <phoneticPr fontId="2"/>
  </si>
  <si>
    <t>昭和63年中</t>
    <rPh sb="0" eb="2">
      <t>ショウワ</t>
    </rPh>
    <rPh sb="4" eb="5">
      <t>ネン</t>
    </rPh>
    <rPh sb="5" eb="6">
      <t>チュウ</t>
    </rPh>
    <phoneticPr fontId="2"/>
  </si>
  <si>
    <t>昭和63</t>
    <rPh sb="0" eb="2">
      <t>ショウワ</t>
    </rPh>
    <phoneticPr fontId="2"/>
  </si>
  <si>
    <t>60(1985)</t>
  </si>
  <si>
    <t>55(1980)</t>
  </si>
  <si>
    <t>50(1975)</t>
  </si>
  <si>
    <t>45(1970)</t>
  </si>
  <si>
    <t>(注)　</t>
    <rPh sb="1" eb="2">
      <t>チュウ</t>
    </rPh>
    <phoneticPr fontId="2"/>
  </si>
  <si>
    <t>1 社会増減のうち、正数は転入超過を、負数は転出超過を表している。</t>
    <rPh sb="5" eb="6">
      <t>ゲン</t>
    </rPh>
    <phoneticPr fontId="2"/>
  </si>
  <si>
    <t xml:space="preserve">2 転入及び転出は、県内市区町村間の移動を含む。   </t>
    <phoneticPr fontId="2"/>
  </si>
  <si>
    <t>平成31年１月１日現在</t>
    <phoneticPr fontId="24"/>
  </si>
  <si>
    <t>　　 　 0～9歳</t>
    <rPh sb="8" eb="9">
      <t>サイ</t>
    </rPh>
    <phoneticPr fontId="2"/>
  </si>
  <si>
    <t>　 　 10～19</t>
    <phoneticPr fontId="2"/>
  </si>
  <si>
    <t xml:space="preserve"> 　　 20～29</t>
    <phoneticPr fontId="2"/>
  </si>
  <si>
    <t xml:space="preserve"> 　　 50～59</t>
    <phoneticPr fontId="2"/>
  </si>
  <si>
    <t>　    70～79</t>
    <phoneticPr fontId="2"/>
  </si>
  <si>
    <t>　    80～89</t>
    <phoneticPr fontId="2"/>
  </si>
  <si>
    <t>　    90～99</t>
    <phoneticPr fontId="2"/>
  </si>
  <si>
    <t>　    60～69</t>
    <phoneticPr fontId="2"/>
  </si>
  <si>
    <t xml:space="preserve"> 　　 50～59</t>
    <phoneticPr fontId="2"/>
  </si>
  <si>
    <t>　    90～99</t>
    <phoneticPr fontId="2"/>
  </si>
  <si>
    <t xml:space="preserve"> 　　 20～29</t>
    <phoneticPr fontId="2"/>
  </si>
  <si>
    <t>　    70～79</t>
    <phoneticPr fontId="2"/>
  </si>
  <si>
    <t>年 齢 不 詳</t>
    <rPh sb="0" eb="1">
      <t>トシ</t>
    </rPh>
    <rPh sb="2" eb="3">
      <t>ヨワイ</t>
    </rPh>
    <rPh sb="4" eb="5">
      <t>フ</t>
    </rPh>
    <rPh sb="6" eb="7">
      <t>ショウ</t>
    </rPh>
    <phoneticPr fontId="2"/>
  </si>
  <si>
    <t>　　    0～9歳</t>
    <rPh sb="9" eb="10">
      <t>サイ</t>
    </rPh>
    <phoneticPr fontId="2"/>
  </si>
  <si>
    <t>総 　　数</t>
    <rPh sb="0" eb="1">
      <t>フサ</t>
    </rPh>
    <rPh sb="4" eb="5">
      <t>カズ</t>
    </rPh>
    <phoneticPr fontId="2"/>
  </si>
  <si>
    <r>
      <t>0</t>
    </r>
    <r>
      <rPr>
        <sz val="11"/>
        <rFont val="ＭＳ Ｐゴシック"/>
        <family val="3"/>
        <charset val="128"/>
      </rPr>
      <t>～</t>
    </r>
    <r>
      <rPr>
        <sz val="11"/>
        <rFont val="明朝"/>
        <family val="1"/>
        <charset val="128"/>
      </rPr>
      <t>4</t>
    </r>
    <phoneticPr fontId="9"/>
  </si>
  <si>
    <t>平</t>
    <rPh sb="0" eb="1">
      <t>ヒラ</t>
    </rPh>
    <phoneticPr fontId="2"/>
  </si>
  <si>
    <t>成</t>
    <rPh sb="0" eb="1">
      <t>ナリ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5">
    <numFmt numFmtId="176" formatCode="#,##0_);[Red]\(#,##0\)"/>
    <numFmt numFmtId="177" formatCode="0.0_ "/>
    <numFmt numFmtId="178" formatCode="#,##0.0;\-#,##0.0"/>
    <numFmt numFmtId="179" formatCode="0.0_);[Red]\(0.0\)"/>
    <numFmt numFmtId="180" formatCode="0.0"/>
    <numFmt numFmtId="181" formatCode="#,##0_ "/>
    <numFmt numFmtId="182" formatCode="0.00_ "/>
    <numFmt numFmtId="183" formatCode="#,##0.0_ "/>
    <numFmt numFmtId="184" formatCode="#,##0.0\ ;\-#,##0.0\ "/>
    <numFmt numFmtId="185" formatCode="0.00_);[Red]\(0.00\)"/>
    <numFmt numFmtId="186" formatCode="#,##0.0_)"/>
    <numFmt numFmtId="187" formatCode="#,##0.0;\-#,##0.0\ "/>
    <numFmt numFmtId="188" formatCode="#,##0_)"/>
    <numFmt numFmtId="189" formatCode="#,##0.00_)"/>
    <numFmt numFmtId="190" formatCode="#,##0.0;[Red]\-#,##0.0"/>
  </numFmts>
  <fonts count="6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u/>
      <sz val="14"/>
      <name val="ＭＳ Ｐゴシック"/>
      <family val="3"/>
      <charset val="128"/>
    </font>
    <font>
      <sz val="8"/>
      <name val="ＭＳ Ｐ明朝"/>
      <family val="1"/>
      <charset val="128"/>
    </font>
    <font>
      <sz val="11"/>
      <name val="ＭＳ Ｐゴシック"/>
      <family val="3"/>
      <charset val="128"/>
    </font>
    <font>
      <b/>
      <sz val="12"/>
      <color indexed="9"/>
      <name val="ＭＳ 明朝"/>
      <family val="1"/>
      <charset val="128"/>
    </font>
    <font>
      <sz val="11"/>
      <name val="明朝"/>
      <family val="1"/>
      <charset val="128"/>
    </font>
    <font>
      <b/>
      <sz val="11"/>
      <name val="ＭＳ Ｐゴシック"/>
      <family val="3"/>
      <charset val="128"/>
      <scheme val="minor"/>
    </font>
    <font>
      <sz val="10"/>
      <name val="ＭＳ 明朝"/>
      <family val="1"/>
      <charset val="128"/>
    </font>
    <font>
      <sz val="7"/>
      <name val="ＭＳ Ｐ明朝"/>
      <family val="1"/>
      <charset val="128"/>
    </font>
    <font>
      <b/>
      <sz val="10"/>
      <name val="ＭＳ ゴシック"/>
      <family val="3"/>
      <charset val="128"/>
    </font>
    <font>
      <b/>
      <sz val="12"/>
      <name val="ＭＳ Ｐゴシック"/>
      <family val="3"/>
      <charset val="128"/>
      <scheme val="minor"/>
    </font>
    <font>
      <sz val="12"/>
      <name val="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  <font>
      <b/>
      <sz val="10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1"/>
      <color indexed="10"/>
      <name val="ＭＳ Ｐ明朝"/>
      <family val="1"/>
      <charset val="128"/>
    </font>
    <font>
      <b/>
      <sz val="14"/>
      <name val="ＭＳ Ｐゴシック"/>
      <family val="3"/>
      <charset val="128"/>
      <scheme val="minor"/>
    </font>
    <font>
      <sz val="6"/>
      <name val="ＭＳ Ｐ明朝"/>
      <family val="1"/>
      <charset val="128"/>
    </font>
    <font>
      <sz val="11"/>
      <name val="ｺﾞｼｯｸ"/>
      <family val="3"/>
      <charset val="128"/>
    </font>
    <font>
      <b/>
      <sz val="14"/>
      <name val="ｺﾞｼｯｸ"/>
      <family val="3"/>
      <charset val="128"/>
    </font>
    <font>
      <b/>
      <sz val="12"/>
      <name val="ＭＳ ゴシック"/>
      <family val="3"/>
      <charset val="128"/>
    </font>
    <font>
      <b/>
      <sz val="12"/>
      <name val="明朝"/>
      <family val="1"/>
      <charset val="128"/>
    </font>
    <font>
      <sz val="12"/>
      <name val="ＭＳ ゴシック"/>
      <family val="3"/>
      <charset val="128"/>
    </font>
    <font>
      <sz val="13"/>
      <name val="明朝"/>
      <family val="1"/>
      <charset val="128"/>
    </font>
    <font>
      <sz val="6"/>
      <name val="明朝"/>
      <family val="1"/>
      <charset val="128"/>
    </font>
    <font>
      <sz val="12"/>
      <name val="ＭＳ 明朝"/>
      <family val="1"/>
      <charset val="128"/>
    </font>
    <font>
      <b/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i/>
      <sz val="11"/>
      <color rgb="FFFF0000"/>
      <name val="ＭＳ Ｐゴシック"/>
      <family val="3"/>
      <charset val="128"/>
    </font>
    <font>
      <i/>
      <sz val="11"/>
      <name val="ＭＳ Ｐゴシック"/>
      <family val="3"/>
      <charset val="128"/>
    </font>
    <font>
      <b/>
      <sz val="12"/>
      <name val="標準ゴシック"/>
      <family val="3"/>
      <charset val="128"/>
    </font>
    <font>
      <sz val="10"/>
      <name val="標準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9"/>
      <name val="ＭＳ 明朝"/>
      <family val="1"/>
      <charset val="128"/>
    </font>
    <font>
      <sz val="8"/>
      <name val="明朝"/>
      <family val="1"/>
      <charset val="128"/>
    </font>
    <font>
      <sz val="8"/>
      <name val="ＭＳ 明朝"/>
      <family val="1"/>
      <charset val="128"/>
    </font>
    <font>
      <b/>
      <sz val="9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b/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b/>
      <u/>
      <sz val="14"/>
      <name val="ｺﾞｼｯｸ"/>
      <family val="3"/>
      <charset val="128"/>
    </font>
    <font>
      <i/>
      <sz val="9"/>
      <name val="明朝"/>
      <family val="1"/>
      <charset val="128"/>
    </font>
    <font>
      <b/>
      <sz val="11"/>
      <name val="ｺﾞｼｯｸ"/>
      <family val="3"/>
      <charset val="128"/>
    </font>
    <font>
      <sz val="9"/>
      <name val="ｺﾞｼｯｸ"/>
      <family val="3"/>
      <charset val="128"/>
    </font>
    <font>
      <b/>
      <sz val="9"/>
      <name val="明朝"/>
      <family val="1"/>
      <charset val="128"/>
    </font>
    <font>
      <sz val="9"/>
      <name val="ＭＳ 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ＭＳ Ｐ明朝"/>
      <family val="1"/>
      <charset val="128"/>
    </font>
    <font>
      <b/>
      <sz val="10"/>
      <name val="明朝"/>
      <family val="1"/>
      <charset val="128"/>
    </font>
    <font>
      <sz val="10"/>
      <name val="ＭＳ ゴシック"/>
      <family val="3"/>
      <charset val="128"/>
    </font>
    <font>
      <b/>
      <sz val="11"/>
      <name val="明朝"/>
      <family val="1"/>
      <charset val="128"/>
    </font>
    <font>
      <b/>
      <sz val="13"/>
      <name val="ＭＳ Ｐゴシック"/>
      <family val="3"/>
      <charset val="128"/>
      <scheme val="minor"/>
    </font>
    <font>
      <b/>
      <sz val="11"/>
      <name val="ＪＳゴシック"/>
      <family val="3"/>
      <charset val="128"/>
    </font>
    <font>
      <sz val="11"/>
      <color indexed="8"/>
      <name val="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67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 diagonalUp="1">
      <left style="thin">
        <color indexed="64"/>
      </left>
      <right/>
      <top/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/>
      <top style="double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uble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tted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 style="double">
        <color indexed="64"/>
      </bottom>
      <diagonal/>
    </border>
  </borders>
  <cellStyleXfs count="8">
    <xf numFmtId="0" fontId="0" fillId="0" borderId="0"/>
    <xf numFmtId="38" fontId="1" fillId="0" borderId="0" applyFont="0" applyFill="0" applyBorder="0" applyAlignment="0" applyProtection="0"/>
    <xf numFmtId="38" fontId="9" fillId="0" borderId="0" applyFont="0" applyFill="0" applyBorder="0" applyAlignment="0" applyProtection="0"/>
    <xf numFmtId="0" fontId="7" fillId="0" borderId="0"/>
    <xf numFmtId="0" fontId="9" fillId="0" borderId="0"/>
    <xf numFmtId="0" fontId="4" fillId="0" borderId="0"/>
    <xf numFmtId="0" fontId="9" fillId="0" borderId="0"/>
    <xf numFmtId="0" fontId="1" fillId="0" borderId="0"/>
  </cellStyleXfs>
  <cellXfs count="1352">
    <xf numFmtId="0" fontId="0" fillId="0" borderId="0" xfId="0"/>
    <xf numFmtId="0" fontId="3" fillId="0" borderId="0" xfId="0" applyFont="1"/>
    <xf numFmtId="0" fontId="4" fillId="0" borderId="0" xfId="0" applyFont="1"/>
    <xf numFmtId="0" fontId="4" fillId="0" borderId="0" xfId="0" applyFont="1" applyBorder="1"/>
    <xf numFmtId="177" fontId="4" fillId="0" borderId="0" xfId="0" applyNumberFormat="1" applyFont="1" applyFill="1" applyBorder="1"/>
    <xf numFmtId="177" fontId="4" fillId="0" borderId="1" xfId="0" applyNumberFormat="1" applyFont="1" applyFill="1" applyBorder="1"/>
    <xf numFmtId="177" fontId="4" fillId="0" borderId="2" xfId="0" applyNumberFormat="1" applyFont="1" applyFill="1" applyBorder="1"/>
    <xf numFmtId="177" fontId="4" fillId="0" borderId="3" xfId="0" applyNumberFormat="1" applyFont="1" applyFill="1" applyBorder="1"/>
    <xf numFmtId="177" fontId="4" fillId="0" borderId="0" xfId="0" applyNumberFormat="1" applyFont="1"/>
    <xf numFmtId="177" fontId="4" fillId="0" borderId="5" xfId="0" applyNumberFormat="1" applyFont="1" applyFill="1" applyBorder="1"/>
    <xf numFmtId="177" fontId="4" fillId="0" borderId="8" xfId="0" applyNumberFormat="1" applyFont="1" applyFill="1" applyBorder="1"/>
    <xf numFmtId="177" fontId="4" fillId="0" borderId="9" xfId="0" applyNumberFormat="1" applyFont="1" applyFill="1" applyBorder="1"/>
    <xf numFmtId="177" fontId="4" fillId="0" borderId="11" xfId="0" applyNumberFormat="1" applyFont="1" applyFill="1" applyBorder="1"/>
    <xf numFmtId="177" fontId="4" fillId="0" borderId="12" xfId="0" applyNumberFormat="1" applyFont="1" applyFill="1" applyBorder="1"/>
    <xf numFmtId="0" fontId="4" fillId="0" borderId="0" xfId="3" applyFont="1"/>
    <xf numFmtId="0" fontId="5" fillId="0" borderId="0" xfId="0" applyFont="1" applyFill="1"/>
    <xf numFmtId="0" fontId="4" fillId="0" borderId="0" xfId="0" applyFont="1" applyFill="1"/>
    <xf numFmtId="0" fontId="3" fillId="0" borderId="0" xfId="0" applyFont="1" applyFill="1"/>
    <xf numFmtId="0" fontId="4" fillId="0" borderId="16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0" xfId="0" applyFont="1" applyFill="1" applyBorder="1"/>
    <xf numFmtId="0" fontId="4" fillId="0" borderId="1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0" fontId="4" fillId="0" borderId="5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/>
    <xf numFmtId="176" fontId="4" fillId="0" borderId="1" xfId="0" applyNumberFormat="1" applyFont="1" applyFill="1" applyBorder="1"/>
    <xf numFmtId="176" fontId="4" fillId="0" borderId="0" xfId="0" applyNumberFormat="1" applyFont="1" applyFill="1" applyBorder="1"/>
    <xf numFmtId="176" fontId="4" fillId="0" borderId="5" xfId="0" applyNumberFormat="1" applyFont="1" applyFill="1" applyBorder="1"/>
    <xf numFmtId="176" fontId="4" fillId="0" borderId="0" xfId="0" applyNumberFormat="1" applyFont="1" applyFill="1"/>
    <xf numFmtId="0" fontId="4" fillId="0" borderId="2" xfId="0" applyFont="1" applyFill="1" applyBorder="1"/>
    <xf numFmtId="0" fontId="4" fillId="0" borderId="3" xfId="0" applyFont="1" applyFill="1" applyBorder="1" applyAlignment="1">
      <alignment horizontal="right"/>
    </xf>
    <xf numFmtId="0" fontId="4" fillId="0" borderId="2" xfId="0" applyFont="1" applyFill="1" applyBorder="1" applyAlignment="1">
      <alignment horizontal="right"/>
    </xf>
    <xf numFmtId="177" fontId="4" fillId="0" borderId="0" xfId="0" applyNumberFormat="1" applyFont="1" applyFill="1"/>
    <xf numFmtId="0" fontId="4" fillId="0" borderId="17" xfId="0" applyFont="1" applyFill="1" applyBorder="1" applyAlignment="1">
      <alignment horizontal="center" vertical="center" textRotation="255"/>
    </xf>
    <xf numFmtId="0" fontId="4" fillId="0" borderId="0" xfId="0" applyFont="1" applyFill="1" applyBorder="1" applyAlignment="1">
      <alignment vertical="top" textRotation="255"/>
    </xf>
    <xf numFmtId="0" fontId="4" fillId="0" borderId="16" xfId="0" applyFont="1" applyFill="1" applyBorder="1"/>
    <xf numFmtId="0" fontId="4" fillId="0" borderId="15" xfId="0" applyFont="1" applyFill="1" applyBorder="1" applyAlignment="1">
      <alignment horizontal="right"/>
    </xf>
    <xf numFmtId="0" fontId="4" fillId="0" borderId="16" xfId="0" applyFont="1" applyFill="1" applyBorder="1" applyAlignment="1">
      <alignment horizontal="right"/>
    </xf>
    <xf numFmtId="0" fontId="4" fillId="0" borderId="18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top"/>
    </xf>
    <xf numFmtId="176" fontId="4" fillId="0" borderId="0" xfId="1" applyNumberFormat="1" applyFont="1" applyFill="1" applyBorder="1"/>
    <xf numFmtId="0" fontId="4" fillId="0" borderId="0" xfId="0" applyFont="1" applyFill="1" applyAlignment="1">
      <alignment horizontal="center"/>
    </xf>
    <xf numFmtId="0" fontId="4" fillId="0" borderId="9" xfId="0" applyFont="1" applyFill="1" applyBorder="1" applyAlignment="1">
      <alignment vertical="top" textRotation="255"/>
    </xf>
    <xf numFmtId="0" fontId="4" fillId="0" borderId="7" xfId="0" applyFont="1" applyFill="1" applyBorder="1" applyAlignment="1">
      <alignment horizontal="right"/>
    </xf>
    <xf numFmtId="0" fontId="4" fillId="0" borderId="16" xfId="0" applyFont="1" applyFill="1" applyBorder="1" applyAlignment="1">
      <alignment horizontal="center" vertical="center" textRotation="255"/>
    </xf>
    <xf numFmtId="0" fontId="4" fillId="0" borderId="16" xfId="0" applyFont="1" applyFill="1" applyBorder="1" applyAlignment="1">
      <alignment vertical="top" textRotation="255"/>
    </xf>
    <xf numFmtId="177" fontId="4" fillId="0" borderId="16" xfId="0" applyNumberFormat="1" applyFont="1" applyFill="1" applyBorder="1"/>
    <xf numFmtId="0" fontId="4" fillId="0" borderId="0" xfId="0" applyFont="1" applyFill="1" applyBorder="1" applyAlignment="1">
      <alignment wrapText="1"/>
    </xf>
    <xf numFmtId="0" fontId="4" fillId="0" borderId="5" xfId="0" applyFont="1" applyFill="1" applyBorder="1" applyAlignment="1">
      <alignment vertical="top" textRotation="255"/>
    </xf>
    <xf numFmtId="0" fontId="4" fillId="0" borderId="17" xfId="0" applyFont="1" applyFill="1" applyBorder="1" applyAlignment="1">
      <alignment vertical="top" textRotation="255"/>
    </xf>
    <xf numFmtId="0" fontId="4" fillId="0" borderId="12" xfId="0" applyFont="1" applyFill="1" applyBorder="1" applyAlignment="1"/>
    <xf numFmtId="0" fontId="4" fillId="0" borderId="0" xfId="0" applyFont="1" applyFill="1" applyBorder="1" applyAlignment="1">
      <alignment horizontal="center"/>
    </xf>
    <xf numFmtId="177" fontId="4" fillId="0" borderId="1" xfId="0" applyNumberFormat="1" applyFont="1" applyFill="1" applyBorder="1" applyAlignment="1">
      <alignment horizontal="right"/>
    </xf>
    <xf numFmtId="176" fontId="4" fillId="0" borderId="0" xfId="0" applyNumberFormat="1" applyFont="1"/>
    <xf numFmtId="38" fontId="4" fillId="0" borderId="0" xfId="3" applyNumberFormat="1" applyFont="1" applyFill="1"/>
    <xf numFmtId="177" fontId="4" fillId="0" borderId="0" xfId="3" applyNumberFormat="1" applyFont="1" applyFill="1"/>
    <xf numFmtId="0" fontId="10" fillId="0" borderId="0" xfId="0" applyFont="1" applyFill="1"/>
    <xf numFmtId="0" fontId="4" fillId="0" borderId="4" xfId="0" applyFont="1" applyFill="1" applyBorder="1" applyAlignment="1">
      <alignment horizontal="right" vertical="top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15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0" xfId="0" applyFont="1" applyFill="1" applyBorder="1" applyAlignment="1"/>
    <xf numFmtId="178" fontId="4" fillId="0" borderId="0" xfId="0" applyNumberFormat="1" applyFont="1"/>
    <xf numFmtId="0" fontId="4" fillId="0" borderId="0" xfId="0" applyFont="1" applyFill="1" applyBorder="1" applyAlignment="1">
      <alignment horizontal="center" vertical="center" textRotation="255"/>
    </xf>
    <xf numFmtId="0" fontId="4" fillId="0" borderId="9" xfId="0" applyFont="1" applyFill="1" applyBorder="1" applyAlignment="1">
      <alignment horizontal="center" vertical="center" textRotation="255"/>
    </xf>
    <xf numFmtId="0" fontId="4" fillId="0" borderId="15" xfId="0" applyFont="1" applyFill="1" applyBorder="1" applyAlignment="1">
      <alignment horizontal="center" vertical="center"/>
    </xf>
    <xf numFmtId="0" fontId="10" fillId="0" borderId="0" xfId="5" applyFont="1"/>
    <xf numFmtId="0" fontId="4" fillId="0" borderId="0" xfId="5"/>
    <xf numFmtId="0" fontId="4" fillId="0" borderId="16" xfId="5" applyBorder="1" applyAlignment="1">
      <alignment horizontal="center"/>
    </xf>
    <xf numFmtId="0" fontId="4" fillId="0" borderId="15" xfId="5" applyBorder="1" applyAlignment="1">
      <alignment horizontal="center"/>
    </xf>
    <xf numFmtId="0" fontId="4" fillId="0" borderId="0" xfId="5" applyBorder="1"/>
    <xf numFmtId="0" fontId="4" fillId="0" borderId="0" xfId="5" applyBorder="1" applyAlignment="1">
      <alignment horizontal="center"/>
    </xf>
    <xf numFmtId="0" fontId="4" fillId="0" borderId="1" xfId="5" applyBorder="1" applyAlignment="1">
      <alignment horizontal="center"/>
    </xf>
    <xf numFmtId="0" fontId="4" fillId="0" borderId="9" xfId="5" applyBorder="1" applyAlignment="1">
      <alignment horizontal="center"/>
    </xf>
    <xf numFmtId="0" fontId="4" fillId="0" borderId="14" xfId="5" applyBorder="1" applyAlignment="1">
      <alignment horizontal="center"/>
    </xf>
    <xf numFmtId="0" fontId="4" fillId="0" borderId="28" xfId="5" applyBorder="1" applyAlignment="1">
      <alignment horizontal="center"/>
    </xf>
    <xf numFmtId="0" fontId="4" fillId="0" borderId="29" xfId="5" applyBorder="1" applyAlignment="1">
      <alignment horizontal="center"/>
    </xf>
    <xf numFmtId="0" fontId="4" fillId="0" borderId="30" xfId="5" applyBorder="1" applyAlignment="1">
      <alignment horizontal="center"/>
    </xf>
    <xf numFmtId="0" fontId="4" fillId="0" borderId="4" xfId="5" applyBorder="1" applyAlignment="1">
      <alignment horizontal="center"/>
    </xf>
    <xf numFmtId="0" fontId="12" fillId="0" borderId="3" xfId="5" applyFont="1" applyBorder="1" applyAlignment="1">
      <alignment horizontal="right"/>
    </xf>
    <xf numFmtId="0" fontId="12" fillId="0" borderId="2" xfId="5" applyFont="1" applyBorder="1" applyAlignment="1">
      <alignment horizontal="right"/>
    </xf>
    <xf numFmtId="0" fontId="12" fillId="0" borderId="4" xfId="5" applyFont="1" applyBorder="1" applyAlignment="1">
      <alignment horizontal="right"/>
    </xf>
    <xf numFmtId="0" fontId="4" fillId="0" borderId="0" xfId="5" applyAlignment="1">
      <alignment horizontal="center"/>
    </xf>
    <xf numFmtId="0" fontId="4" fillId="0" borderId="5" xfId="5" applyFont="1" applyBorder="1" applyAlignment="1">
      <alignment horizontal="center"/>
    </xf>
    <xf numFmtId="3" fontId="13" fillId="0" borderId="1" xfId="5" applyNumberFormat="1" applyFont="1" applyBorder="1" applyAlignment="1"/>
    <xf numFmtId="177" fontId="13" fillId="0" borderId="31" xfId="5" applyNumberFormat="1" applyFont="1" applyBorder="1" applyAlignment="1">
      <alignment horizontal="right" wrapText="1"/>
    </xf>
    <xf numFmtId="3" fontId="13" fillId="0" borderId="1" xfId="5" applyNumberFormat="1" applyFont="1" applyBorder="1" applyAlignment="1">
      <alignment wrapText="1"/>
    </xf>
    <xf numFmtId="177" fontId="13" fillId="0" borderId="5" xfId="5" applyNumberFormat="1" applyFont="1" applyBorder="1" applyAlignment="1">
      <alignment horizontal="right" wrapText="1"/>
    </xf>
    <xf numFmtId="179" fontId="13" fillId="0" borderId="32" xfId="5" applyNumberFormat="1" applyFont="1" applyBorder="1" applyAlignment="1">
      <alignment horizontal="right" wrapText="1"/>
    </xf>
    <xf numFmtId="0" fontId="4" fillId="0" borderId="33" xfId="5" applyFont="1" applyBorder="1" applyAlignment="1"/>
    <xf numFmtId="3" fontId="4" fillId="0" borderId="34" xfId="5" applyNumberFormat="1" applyFont="1" applyFill="1" applyBorder="1" applyAlignment="1">
      <alignment wrapText="1"/>
    </xf>
    <xf numFmtId="180" fontId="4" fillId="0" borderId="0" xfId="5" applyNumberFormat="1" applyFont="1" applyFill="1"/>
    <xf numFmtId="180" fontId="4" fillId="0" borderId="34" xfId="5" applyNumberFormat="1" applyFont="1" applyFill="1" applyBorder="1"/>
    <xf numFmtId="0" fontId="4" fillId="0" borderId="0" xfId="5" applyFill="1"/>
    <xf numFmtId="0" fontId="4" fillId="0" borderId="5" xfId="5" applyFont="1" applyBorder="1" applyAlignment="1"/>
    <xf numFmtId="3" fontId="4" fillId="0" borderId="1" xfId="5" applyNumberFormat="1" applyFont="1" applyFill="1" applyBorder="1" applyAlignment="1">
      <alignment wrapText="1"/>
    </xf>
    <xf numFmtId="3" fontId="4" fillId="0" borderId="1" xfId="5" applyNumberFormat="1" applyFont="1" applyFill="1" applyBorder="1" applyAlignment="1"/>
    <xf numFmtId="0" fontId="4" fillId="0" borderId="32" xfId="5" applyFont="1" applyBorder="1" applyAlignment="1"/>
    <xf numFmtId="3" fontId="4" fillId="0" borderId="31" xfId="5" applyNumberFormat="1" applyFont="1" applyFill="1" applyBorder="1" applyAlignment="1">
      <alignment wrapText="1"/>
    </xf>
    <xf numFmtId="180" fontId="4" fillId="0" borderId="31" xfId="5" applyNumberFormat="1" applyFont="1" applyFill="1" applyBorder="1"/>
    <xf numFmtId="180" fontId="4" fillId="0" borderId="32" xfId="5" applyNumberFormat="1" applyFont="1" applyFill="1" applyBorder="1"/>
    <xf numFmtId="0" fontId="4" fillId="0" borderId="35" xfId="5" applyFont="1" applyBorder="1" applyAlignment="1">
      <alignment horizontal="center"/>
    </xf>
    <xf numFmtId="3" fontId="4" fillId="0" borderId="36" xfId="5" applyNumberFormat="1" applyFont="1" applyFill="1" applyBorder="1" applyAlignment="1">
      <alignment wrapText="1"/>
    </xf>
    <xf numFmtId="180" fontId="4" fillId="0" borderId="36" xfId="5" applyNumberFormat="1" applyFont="1" applyFill="1" applyBorder="1"/>
    <xf numFmtId="0" fontId="4" fillId="0" borderId="36" xfId="5" applyFont="1" applyFill="1" applyBorder="1" applyAlignment="1">
      <alignment wrapText="1"/>
    </xf>
    <xf numFmtId="38" fontId="4" fillId="0" borderId="36" xfId="1" applyFont="1" applyFill="1" applyBorder="1" applyAlignment="1">
      <alignment wrapText="1"/>
    </xf>
    <xf numFmtId="0" fontId="4" fillId="0" borderId="13" xfId="5" applyBorder="1" applyAlignment="1">
      <alignment horizontal="center"/>
    </xf>
    <xf numFmtId="0" fontId="4" fillId="0" borderId="17" xfId="5" applyFont="1" applyBorder="1" applyAlignment="1">
      <alignment horizontal="center"/>
    </xf>
    <xf numFmtId="3" fontId="4" fillId="0" borderId="11" xfId="5" applyNumberFormat="1" applyFont="1" applyFill="1" applyBorder="1" applyAlignment="1">
      <alignment wrapText="1"/>
    </xf>
    <xf numFmtId="177" fontId="4" fillId="0" borderId="37" xfId="5" applyNumberFormat="1" applyFont="1" applyFill="1" applyBorder="1" applyAlignment="1">
      <alignment horizontal="right" wrapText="1"/>
    </xf>
    <xf numFmtId="177" fontId="4" fillId="0" borderId="17" xfId="5" applyNumberFormat="1" applyFont="1" applyFill="1" applyBorder="1" applyAlignment="1">
      <alignment horizontal="right" wrapText="1"/>
    </xf>
    <xf numFmtId="3" fontId="13" fillId="0" borderId="1" xfId="5" applyNumberFormat="1" applyFont="1" applyFill="1" applyBorder="1" applyAlignment="1"/>
    <xf numFmtId="177" fontId="13" fillId="0" borderId="0" xfId="5" applyNumberFormat="1" applyFont="1" applyFill="1" applyBorder="1" applyAlignment="1">
      <alignment horizontal="right" wrapText="1"/>
    </xf>
    <xf numFmtId="3" fontId="13" fillId="0" borderId="1" xfId="5" applyNumberFormat="1" applyFont="1" applyFill="1" applyBorder="1" applyAlignment="1">
      <alignment wrapText="1"/>
    </xf>
    <xf numFmtId="177" fontId="13" fillId="0" borderId="5" xfId="5" applyNumberFormat="1" applyFont="1" applyFill="1" applyBorder="1" applyAlignment="1">
      <alignment horizontal="right" wrapText="1"/>
    </xf>
    <xf numFmtId="179" fontId="13" fillId="0" borderId="5" xfId="5" applyNumberFormat="1" applyFont="1" applyFill="1" applyBorder="1" applyAlignment="1">
      <alignment horizontal="right" wrapText="1"/>
    </xf>
    <xf numFmtId="177" fontId="4" fillId="0" borderId="38" xfId="5" applyNumberFormat="1" applyFont="1" applyFill="1" applyBorder="1" applyAlignment="1">
      <alignment wrapText="1"/>
    </xf>
    <xf numFmtId="177" fontId="4" fillId="0" borderId="33" xfId="5" applyNumberFormat="1" applyFont="1" applyFill="1" applyBorder="1" applyAlignment="1">
      <alignment wrapText="1"/>
    </xf>
    <xf numFmtId="177" fontId="4" fillId="0" borderId="0" xfId="5" applyNumberFormat="1" applyFont="1" applyFill="1" applyBorder="1" applyAlignment="1">
      <alignment wrapText="1"/>
    </xf>
    <xf numFmtId="177" fontId="4" fillId="0" borderId="5" xfId="5" applyNumberFormat="1" applyFont="1" applyFill="1" applyBorder="1" applyAlignment="1">
      <alignment wrapText="1"/>
    </xf>
    <xf numFmtId="3" fontId="4" fillId="0" borderId="31" xfId="5" applyNumberFormat="1" applyFont="1" applyBorder="1" applyAlignment="1">
      <alignment wrapText="1"/>
    </xf>
    <xf numFmtId="177" fontId="4" fillId="0" borderId="39" xfId="5" applyNumberFormat="1" applyFont="1" applyBorder="1" applyAlignment="1">
      <alignment wrapText="1"/>
    </xf>
    <xf numFmtId="177" fontId="4" fillId="0" borderId="32" xfId="5" applyNumberFormat="1" applyFont="1" applyBorder="1" applyAlignment="1">
      <alignment wrapText="1"/>
    </xf>
    <xf numFmtId="3" fontId="4" fillId="0" borderId="1" xfId="5" applyNumberFormat="1" applyFont="1" applyBorder="1" applyAlignment="1">
      <alignment wrapText="1"/>
    </xf>
    <xf numFmtId="177" fontId="4" fillId="0" borderId="0" xfId="5" applyNumberFormat="1" applyFont="1" applyBorder="1" applyAlignment="1">
      <alignment wrapText="1"/>
    </xf>
    <xf numFmtId="177" fontId="4" fillId="0" borderId="5" xfId="5" applyNumberFormat="1" applyFont="1" applyBorder="1" applyAlignment="1">
      <alignment wrapText="1"/>
    </xf>
    <xf numFmtId="3" fontId="4" fillId="0" borderId="36" xfId="5" applyNumberFormat="1" applyFont="1" applyBorder="1" applyAlignment="1">
      <alignment wrapText="1"/>
    </xf>
    <xf numFmtId="177" fontId="4" fillId="0" borderId="40" xfId="5" applyNumberFormat="1" applyFont="1" applyBorder="1" applyAlignment="1">
      <alignment wrapText="1"/>
    </xf>
    <xf numFmtId="0" fontId="4" fillId="0" borderId="36" xfId="5" applyFont="1" applyBorder="1" applyAlignment="1">
      <alignment wrapText="1"/>
    </xf>
    <xf numFmtId="177" fontId="4" fillId="0" borderId="35" xfId="5" applyNumberFormat="1" applyFont="1" applyBorder="1" applyAlignment="1">
      <alignment wrapText="1"/>
    </xf>
    <xf numFmtId="38" fontId="4" fillId="0" borderId="36" xfId="1" applyFont="1" applyBorder="1" applyAlignment="1">
      <alignment wrapText="1"/>
    </xf>
    <xf numFmtId="3" fontId="4" fillId="0" borderId="11" xfId="5" applyNumberFormat="1" applyFont="1" applyBorder="1" applyAlignment="1">
      <alignment wrapText="1"/>
    </xf>
    <xf numFmtId="177" fontId="4" fillId="0" borderId="12" xfId="5" applyNumberFormat="1" applyFont="1" applyBorder="1" applyAlignment="1">
      <alignment horizontal="right" wrapText="1"/>
    </xf>
    <xf numFmtId="0" fontId="4" fillId="0" borderId="4" xfId="5" applyFont="1" applyBorder="1" applyAlignment="1">
      <alignment horizontal="center"/>
    </xf>
    <xf numFmtId="177" fontId="13" fillId="0" borderId="0" xfId="5" applyNumberFormat="1" applyFont="1" applyBorder="1" applyAlignment="1">
      <alignment horizontal="right" wrapText="1"/>
    </xf>
    <xf numFmtId="179" fontId="13" fillId="0" borderId="5" xfId="5" applyNumberFormat="1" applyFont="1" applyBorder="1" applyAlignment="1">
      <alignment horizontal="right" wrapText="1"/>
    </xf>
    <xf numFmtId="3" fontId="4" fillId="0" borderId="34" xfId="5" applyNumberFormat="1" applyFont="1" applyBorder="1" applyAlignment="1">
      <alignment wrapText="1"/>
    </xf>
    <xf numFmtId="177" fontId="4" fillId="0" borderId="38" xfId="5" applyNumberFormat="1" applyFont="1" applyBorder="1" applyAlignment="1">
      <alignment wrapText="1"/>
    </xf>
    <xf numFmtId="177" fontId="4" fillId="0" borderId="33" xfId="5" applyNumberFormat="1" applyFont="1" applyBorder="1" applyAlignment="1">
      <alignment wrapText="1"/>
    </xf>
    <xf numFmtId="3" fontId="4" fillId="0" borderId="1" xfId="5" applyNumberFormat="1" applyFont="1" applyBorder="1" applyAlignment="1"/>
    <xf numFmtId="177" fontId="13" fillId="0" borderId="16" xfId="5" applyNumberFormat="1" applyFont="1" applyBorder="1" applyAlignment="1">
      <alignment horizontal="right" wrapText="1"/>
    </xf>
    <xf numFmtId="3" fontId="13" fillId="0" borderId="15" xfId="5" applyNumberFormat="1" applyFont="1" applyBorder="1" applyAlignment="1">
      <alignment wrapText="1"/>
    </xf>
    <xf numFmtId="177" fontId="13" fillId="0" borderId="20" xfId="5" applyNumberFormat="1" applyFont="1" applyBorder="1" applyAlignment="1">
      <alignment horizontal="right" wrapText="1"/>
    </xf>
    <xf numFmtId="179" fontId="13" fillId="0" borderId="20" xfId="5" applyNumberFormat="1" applyFont="1" applyBorder="1" applyAlignment="1">
      <alignment horizontal="right" wrapText="1"/>
    </xf>
    <xf numFmtId="179" fontId="4" fillId="0" borderId="33" xfId="5" applyNumberFormat="1" applyFont="1" applyBorder="1" applyAlignment="1">
      <alignment wrapText="1"/>
    </xf>
    <xf numFmtId="179" fontId="4" fillId="0" borderId="5" xfId="5" applyNumberFormat="1" applyFont="1" applyBorder="1" applyAlignment="1">
      <alignment wrapText="1"/>
    </xf>
    <xf numFmtId="179" fontId="4" fillId="0" borderId="32" xfId="5" applyNumberFormat="1" applyFont="1" applyBorder="1" applyAlignment="1">
      <alignment wrapText="1"/>
    </xf>
    <xf numFmtId="179" fontId="4" fillId="0" borderId="35" xfId="5" applyNumberFormat="1" applyFont="1" applyBorder="1" applyAlignment="1">
      <alignment wrapText="1"/>
    </xf>
    <xf numFmtId="177" fontId="4" fillId="0" borderId="17" xfId="5" applyNumberFormat="1" applyFont="1" applyBorder="1" applyAlignment="1">
      <alignment horizontal="right" wrapText="1"/>
    </xf>
    <xf numFmtId="179" fontId="4" fillId="0" borderId="17" xfId="5" applyNumberFormat="1" applyFont="1" applyBorder="1" applyAlignment="1">
      <alignment horizontal="right" wrapText="1"/>
    </xf>
    <xf numFmtId="0" fontId="14" fillId="0" borderId="12" xfId="4" applyFont="1" applyFill="1" applyBorder="1" applyAlignment="1">
      <alignment horizontal="left"/>
    </xf>
    <xf numFmtId="0" fontId="15" fillId="0" borderId="12" xfId="4" applyFont="1" applyFill="1" applyBorder="1" applyAlignment="1">
      <alignment horizontal="left"/>
    </xf>
    <xf numFmtId="0" fontId="9" fillId="0" borderId="12" xfId="4" applyFont="1" applyFill="1" applyBorder="1" applyAlignment="1">
      <alignment horizontal="centerContinuous"/>
    </xf>
    <xf numFmtId="0" fontId="9" fillId="0" borderId="0" xfId="4" applyFont="1" applyFill="1"/>
    <xf numFmtId="0" fontId="9" fillId="0" borderId="41" xfId="4" applyFont="1" applyFill="1" applyBorder="1" applyAlignment="1">
      <alignment horizontal="center" vertical="center"/>
    </xf>
    <xf numFmtId="0" fontId="16" fillId="0" borderId="28" xfId="4" applyFont="1" applyFill="1" applyBorder="1" applyAlignment="1">
      <alignment horizontal="center" vertical="center" wrapText="1"/>
    </xf>
    <xf numFmtId="0" fontId="16" fillId="0" borderId="29" xfId="4" applyFont="1" applyFill="1" applyBorder="1" applyAlignment="1">
      <alignment horizontal="center" vertical="center" wrapText="1"/>
    </xf>
    <xf numFmtId="0" fontId="9" fillId="0" borderId="8" xfId="4" applyFont="1" applyFill="1" applyBorder="1" applyAlignment="1">
      <alignment horizontal="center" vertical="center"/>
    </xf>
    <xf numFmtId="0" fontId="9" fillId="0" borderId="14" xfId="4" applyFont="1" applyFill="1" applyBorder="1" applyAlignment="1">
      <alignment horizontal="center" vertical="center" wrapText="1"/>
    </xf>
    <xf numFmtId="0" fontId="9" fillId="0" borderId="14" xfId="4" quotePrefix="1" applyFont="1" applyFill="1" applyBorder="1" applyAlignment="1">
      <alignment horizontal="center" vertical="center" wrapText="1"/>
    </xf>
    <xf numFmtId="0" fontId="16" fillId="0" borderId="8" xfId="4" applyFont="1" applyFill="1" applyBorder="1" applyAlignment="1">
      <alignment horizontal="center" vertical="center" wrapText="1"/>
    </xf>
    <xf numFmtId="0" fontId="9" fillId="0" borderId="8" xfId="4" applyFill="1" applyBorder="1" applyAlignment="1">
      <alignment horizontal="center" vertical="center"/>
    </xf>
    <xf numFmtId="0" fontId="9" fillId="0" borderId="9" xfId="4" applyFill="1" applyBorder="1" applyAlignment="1">
      <alignment horizontal="center" vertical="center"/>
    </xf>
    <xf numFmtId="0" fontId="9" fillId="0" borderId="0" xfId="4" applyFill="1"/>
    <xf numFmtId="0" fontId="9" fillId="0" borderId="0" xfId="4" quotePrefix="1" applyFont="1" applyFill="1" applyBorder="1" applyAlignment="1">
      <alignment horizontal="center" vertical="center"/>
    </xf>
    <xf numFmtId="0" fontId="9" fillId="0" borderId="5" xfId="4" applyFont="1" applyFill="1" applyBorder="1" applyAlignment="1">
      <alignment horizontal="right" vertical="center"/>
    </xf>
    <xf numFmtId="0" fontId="9" fillId="0" borderId="3" xfId="4" applyFont="1" applyFill="1" applyBorder="1" applyAlignment="1">
      <alignment horizontal="right" vertical="center" wrapText="1"/>
    </xf>
    <xf numFmtId="0" fontId="9" fillId="0" borderId="0" xfId="4" applyFont="1" applyFill="1" applyBorder="1" applyAlignment="1">
      <alignment horizontal="right" vertical="center" wrapText="1"/>
    </xf>
    <xf numFmtId="0" fontId="16" fillId="0" borderId="3" xfId="4" applyFont="1" applyFill="1" applyBorder="1" applyAlignment="1">
      <alignment horizontal="center" vertical="center" wrapText="1"/>
    </xf>
    <xf numFmtId="0" fontId="9" fillId="0" borderId="1" xfId="4" applyFill="1" applyBorder="1" applyAlignment="1">
      <alignment horizontal="center" vertical="center"/>
    </xf>
    <xf numFmtId="0" fontId="9" fillId="0" borderId="0" xfId="4" applyFill="1" applyBorder="1" applyAlignment="1">
      <alignment horizontal="center" vertical="center"/>
    </xf>
    <xf numFmtId="181" fontId="9" fillId="0" borderId="5" xfId="4" quotePrefix="1" applyNumberFormat="1" applyFont="1" applyFill="1" applyBorder="1" applyAlignment="1">
      <alignment horizontal="right"/>
    </xf>
    <xf numFmtId="181" fontId="9" fillId="0" borderId="1" xfId="4" quotePrefix="1" applyNumberFormat="1" applyFont="1" applyFill="1" applyBorder="1" applyAlignment="1">
      <alignment horizontal="right"/>
    </xf>
    <xf numFmtId="181" fontId="9" fillId="0" borderId="0" xfId="4" quotePrefix="1" applyNumberFormat="1" applyFont="1" applyFill="1" applyBorder="1" applyAlignment="1">
      <alignment horizontal="right"/>
    </xf>
    <xf numFmtId="177" fontId="9" fillId="0" borderId="1" xfId="4" applyNumberFormat="1" applyFill="1" applyBorder="1"/>
    <xf numFmtId="177" fontId="9" fillId="0" borderId="0" xfId="4" applyNumberFormat="1" applyFill="1" applyBorder="1"/>
    <xf numFmtId="0" fontId="9" fillId="0" borderId="0" xfId="4" quotePrefix="1" applyFill="1" applyBorder="1" applyAlignment="1">
      <alignment horizontal="right"/>
    </xf>
    <xf numFmtId="0" fontId="9" fillId="0" borderId="0" xfId="4" applyFont="1" applyFill="1" applyBorder="1" applyAlignment="1">
      <alignment horizontal="left"/>
    </xf>
    <xf numFmtId="0" fontId="9" fillId="0" borderId="0" xfId="4" quotePrefix="1" applyFont="1" applyFill="1" applyBorder="1" applyAlignment="1">
      <alignment horizontal="right"/>
    </xf>
    <xf numFmtId="0" fontId="9" fillId="0" borderId="0" xfId="4" quotePrefix="1" applyFont="1" applyFill="1" applyBorder="1" applyAlignment="1">
      <alignment horizontal="left"/>
    </xf>
    <xf numFmtId="56" fontId="9" fillId="0" borderId="0" xfId="4" quotePrefix="1" applyNumberFormat="1" applyFont="1" applyFill="1" applyBorder="1" applyAlignment="1">
      <alignment horizontal="right"/>
    </xf>
    <xf numFmtId="56" fontId="9" fillId="0" borderId="0" xfId="4" quotePrefix="1" applyNumberFormat="1" applyFont="1" applyFill="1" applyBorder="1" applyAlignment="1">
      <alignment horizontal="left"/>
    </xf>
    <xf numFmtId="177" fontId="9" fillId="0" borderId="0" xfId="4" applyNumberFormat="1" applyFill="1" applyBorder="1" applyAlignment="1">
      <alignment vertical="top"/>
    </xf>
    <xf numFmtId="181" fontId="9" fillId="0" borderId="1" xfId="4" applyNumberFormat="1" applyFont="1" applyFill="1" applyBorder="1"/>
    <xf numFmtId="181" fontId="9" fillId="0" borderId="0" xfId="4" applyNumberFormat="1" applyFont="1" applyFill="1" applyBorder="1"/>
    <xf numFmtId="181" fontId="9" fillId="0" borderId="8" xfId="4" applyNumberFormat="1" applyFont="1" applyFill="1" applyBorder="1"/>
    <xf numFmtId="177" fontId="9" fillId="0" borderId="8" xfId="4" applyNumberFormat="1" applyFill="1" applyBorder="1"/>
    <xf numFmtId="177" fontId="9" fillId="0" borderId="1" xfId="4" applyNumberFormat="1" applyFill="1" applyBorder="1" applyAlignment="1">
      <alignment horizontal="right"/>
    </xf>
    <xf numFmtId="179" fontId="9" fillId="0" borderId="0" xfId="4" applyNumberFormat="1" applyFill="1" applyBorder="1" applyAlignment="1">
      <alignment horizontal="right"/>
    </xf>
    <xf numFmtId="0" fontId="9" fillId="0" borderId="2" xfId="4" applyFill="1" applyBorder="1" applyAlignment="1">
      <alignment horizontal="right"/>
    </xf>
    <xf numFmtId="0" fontId="9" fillId="0" borderId="7" xfId="4" applyFill="1" applyBorder="1" applyAlignment="1">
      <alignment horizontal="left"/>
    </xf>
    <xf numFmtId="181" fontId="9" fillId="0" borderId="2" xfId="4" applyNumberFormat="1" applyFill="1" applyBorder="1" applyAlignment="1">
      <alignment horizontal="right"/>
    </xf>
    <xf numFmtId="181" fontId="9" fillId="0" borderId="1" xfId="4" applyNumberFormat="1" applyFill="1" applyBorder="1" applyAlignment="1">
      <alignment horizontal="right"/>
    </xf>
    <xf numFmtId="177" fontId="9" fillId="0" borderId="3" xfId="4" applyNumberFormat="1" applyFill="1" applyBorder="1"/>
    <xf numFmtId="179" fontId="9" fillId="0" borderId="2" xfId="4" applyNumberFormat="1" applyFill="1" applyBorder="1"/>
    <xf numFmtId="0" fontId="9" fillId="0" borderId="0" xfId="4" applyFill="1" applyBorder="1" applyAlignment="1">
      <alignment horizontal="right"/>
    </xf>
    <xf numFmtId="0" fontId="9" fillId="0" borderId="6" xfId="4" applyFill="1" applyBorder="1" applyAlignment="1">
      <alignment horizontal="left"/>
    </xf>
    <xf numFmtId="181" fontId="9" fillId="0" borderId="0" xfId="4" applyNumberFormat="1" applyFill="1" applyBorder="1" applyAlignment="1">
      <alignment horizontal="right"/>
    </xf>
    <xf numFmtId="179" fontId="9" fillId="0" borderId="0" xfId="4" applyNumberFormat="1" applyFill="1" applyBorder="1"/>
    <xf numFmtId="181" fontId="9" fillId="0" borderId="12" xfId="4" applyNumberFormat="1" applyFill="1" applyBorder="1" applyAlignment="1">
      <alignment horizontal="right"/>
    </xf>
    <xf numFmtId="181" fontId="9" fillId="0" borderId="11" xfId="4" applyNumberFormat="1" applyFill="1" applyBorder="1" applyAlignment="1">
      <alignment horizontal="right"/>
    </xf>
    <xf numFmtId="177" fontId="9" fillId="0" borderId="11" xfId="4" applyNumberFormat="1" applyFill="1" applyBorder="1"/>
    <xf numFmtId="179" fontId="9" fillId="0" borderId="12" xfId="4" applyNumberFormat="1" applyFill="1" applyBorder="1"/>
    <xf numFmtId="181" fontId="9" fillId="0" borderId="0" xfId="4" applyNumberFormat="1" applyFill="1"/>
    <xf numFmtId="0" fontId="14" fillId="0" borderId="0" xfId="4" applyFont="1" applyFill="1" applyAlignment="1">
      <alignment horizontal="left"/>
    </xf>
    <xf numFmtId="0" fontId="15" fillId="0" borderId="0" xfId="4" applyFont="1" applyFill="1" applyAlignment="1">
      <alignment horizontal="left"/>
    </xf>
    <xf numFmtId="0" fontId="9" fillId="0" borderId="0" xfId="4" applyFont="1" applyFill="1" applyAlignment="1">
      <alignment horizontal="centerContinuous"/>
    </xf>
    <xf numFmtId="0" fontId="9" fillId="0" borderId="15" xfId="4" applyFill="1" applyBorder="1" applyAlignment="1">
      <alignment horizontal="center" vertical="center"/>
    </xf>
    <xf numFmtId="0" fontId="9" fillId="0" borderId="14" xfId="4" applyFill="1" applyBorder="1" applyAlignment="1">
      <alignment horizontal="center" vertical="center"/>
    </xf>
    <xf numFmtId="0" fontId="9" fillId="0" borderId="0" xfId="4" applyFill="1" applyBorder="1"/>
    <xf numFmtId="0" fontId="9" fillId="0" borderId="6" xfId="4" applyFill="1" applyBorder="1"/>
    <xf numFmtId="0" fontId="9" fillId="0" borderId="1" xfId="4" applyFill="1" applyBorder="1" applyAlignment="1">
      <alignment horizontal="right"/>
    </xf>
    <xf numFmtId="0" fontId="9" fillId="0" borderId="3" xfId="4" applyFill="1" applyBorder="1" applyAlignment="1">
      <alignment horizontal="right"/>
    </xf>
    <xf numFmtId="182" fontId="9" fillId="0" borderId="1" xfId="4" applyNumberFormat="1" applyFill="1" applyBorder="1"/>
    <xf numFmtId="182" fontId="9" fillId="0" borderId="0" xfId="4" applyNumberFormat="1" applyFill="1" applyBorder="1"/>
    <xf numFmtId="182" fontId="9" fillId="0" borderId="5" xfId="4" applyNumberFormat="1" applyFill="1" applyBorder="1"/>
    <xf numFmtId="0" fontId="9" fillId="0" borderId="12" xfId="4" applyFill="1" applyBorder="1" applyAlignment="1">
      <alignment horizontal="right"/>
    </xf>
    <xf numFmtId="0" fontId="9" fillId="0" borderId="13" xfId="4" applyFill="1" applyBorder="1" applyAlignment="1">
      <alignment horizontal="left"/>
    </xf>
    <xf numFmtId="182" fontId="9" fillId="0" borderId="11" xfId="4" applyNumberFormat="1" applyFill="1" applyBorder="1"/>
    <xf numFmtId="182" fontId="9" fillId="0" borderId="12" xfId="4" applyNumberFormat="1" applyFill="1" applyBorder="1"/>
    <xf numFmtId="182" fontId="9" fillId="0" borderId="17" xfId="4" applyNumberFormat="1" applyFill="1" applyBorder="1"/>
    <xf numFmtId="0" fontId="9" fillId="0" borderId="16" xfId="4" applyFill="1" applyBorder="1"/>
    <xf numFmtId="0" fontId="18" fillId="0" borderId="12" xfId="0" applyFont="1" applyFill="1" applyBorder="1" applyAlignment="1">
      <alignment horizontal="left" vertical="center"/>
    </xf>
    <xf numFmtId="0" fontId="18" fillId="0" borderId="12" xfId="0" applyFont="1" applyFill="1" applyBorder="1" applyAlignment="1">
      <alignment vertical="center"/>
    </xf>
    <xf numFmtId="0" fontId="3" fillId="0" borderId="0" xfId="0" applyFont="1" applyFill="1" applyAlignment="1"/>
    <xf numFmtId="0" fontId="6" fillId="0" borderId="16" xfId="0" applyFont="1" applyFill="1" applyBorder="1"/>
    <xf numFmtId="0" fontId="6" fillId="0" borderId="0" xfId="0" applyFont="1" applyFill="1"/>
    <xf numFmtId="0" fontId="6" fillId="0" borderId="0" xfId="0" applyFont="1" applyFill="1" applyAlignment="1">
      <alignment horizontal="distributed"/>
    </xf>
    <xf numFmtId="0" fontId="6" fillId="0" borderId="2" xfId="0" applyFont="1" applyFill="1" applyBorder="1" applyAlignment="1">
      <alignment horizontal="center"/>
    </xf>
    <xf numFmtId="0" fontId="6" fillId="0" borderId="9" xfId="0" applyFont="1" applyFill="1" applyBorder="1"/>
    <xf numFmtId="0" fontId="6" fillId="0" borderId="9" xfId="0" applyFont="1" applyFill="1" applyBorder="1" applyAlignment="1">
      <alignment horizontal="center"/>
    </xf>
    <xf numFmtId="0" fontId="6" fillId="0" borderId="7" xfId="0" applyFont="1" applyFill="1" applyBorder="1" applyAlignment="1">
      <alignment horizontal="center" vertical="top" textRotation="255"/>
    </xf>
    <xf numFmtId="0" fontId="6" fillId="0" borderId="4" xfId="0" applyFont="1" applyFill="1" applyBorder="1" applyAlignment="1">
      <alignment horizontal="center" vertical="center" textRotation="255"/>
    </xf>
    <xf numFmtId="0" fontId="6" fillId="0" borderId="2" xfId="0" applyFont="1" applyFill="1" applyBorder="1" applyAlignment="1">
      <alignment horizontal="right"/>
    </xf>
    <xf numFmtId="0" fontId="6" fillId="0" borderId="7" xfId="0" applyFont="1" applyFill="1" applyBorder="1" applyAlignment="1">
      <alignment horizontal="right"/>
    </xf>
    <xf numFmtId="0" fontId="6" fillId="0" borderId="5" xfId="0" applyFont="1" applyFill="1" applyBorder="1" applyAlignment="1">
      <alignment horizontal="right"/>
    </xf>
    <xf numFmtId="0" fontId="6" fillId="0" borderId="0" xfId="0" applyFont="1" applyFill="1" applyAlignment="1">
      <alignment horizontal="right"/>
    </xf>
    <xf numFmtId="0" fontId="19" fillId="0" borderId="6" xfId="0" applyFont="1" applyFill="1" applyBorder="1" applyAlignment="1">
      <alignment horizontal="center" vertical="top"/>
    </xf>
    <xf numFmtId="0" fontId="6" fillId="0" borderId="5" xfId="0" applyFont="1" applyFill="1" applyBorder="1" applyAlignment="1">
      <alignment horizontal="center" vertical="center"/>
    </xf>
    <xf numFmtId="0" fontId="20" fillId="0" borderId="0" xfId="0" applyFont="1" applyFill="1" applyBorder="1" applyAlignment="1">
      <alignment horizontal="distributed" wrapText="1"/>
    </xf>
    <xf numFmtId="0" fontId="20" fillId="0" borderId="6" xfId="0" applyFont="1" applyFill="1" applyBorder="1"/>
    <xf numFmtId="181" fontId="20" fillId="0" borderId="5" xfId="0" applyNumberFormat="1" applyFont="1" applyFill="1" applyBorder="1" applyAlignment="1">
      <alignment horizontal="right"/>
    </xf>
    <xf numFmtId="181" fontId="20" fillId="0" borderId="0" xfId="0" applyNumberFormat="1" applyFont="1" applyFill="1" applyBorder="1" applyAlignment="1">
      <alignment horizontal="right"/>
    </xf>
    <xf numFmtId="181" fontId="20" fillId="0" borderId="6" xfId="0" applyNumberFormat="1" applyFont="1" applyFill="1" applyBorder="1" applyAlignment="1">
      <alignment horizontal="right"/>
    </xf>
    <xf numFmtId="183" fontId="20" fillId="0" borderId="5" xfId="0" applyNumberFormat="1" applyFont="1" applyFill="1" applyBorder="1" applyAlignment="1">
      <alignment horizontal="right"/>
    </xf>
    <xf numFmtId="183" fontId="20" fillId="0" borderId="0" xfId="0" applyNumberFormat="1" applyFont="1" applyFill="1" applyAlignment="1">
      <alignment horizontal="right"/>
    </xf>
    <xf numFmtId="0" fontId="6" fillId="0" borderId="0" xfId="0" applyFont="1" applyFill="1" applyBorder="1"/>
    <xf numFmtId="0" fontId="6" fillId="0" borderId="6" xfId="0" applyFont="1" applyFill="1" applyBorder="1"/>
    <xf numFmtId="38" fontId="6" fillId="0" borderId="5" xfId="1" applyFont="1" applyFill="1" applyBorder="1" applyAlignment="1"/>
    <xf numFmtId="38" fontId="6" fillId="0" borderId="0" xfId="1" applyFont="1" applyFill="1" applyAlignment="1"/>
    <xf numFmtId="183" fontId="6" fillId="0" borderId="5" xfId="0" applyNumberFormat="1" applyFont="1" applyFill="1" applyBorder="1" applyAlignment="1">
      <alignment horizontal="right"/>
    </xf>
    <xf numFmtId="183" fontId="6" fillId="0" borderId="0" xfId="0" applyNumberFormat="1" applyFont="1" applyFill="1" applyAlignment="1">
      <alignment horizontal="right"/>
    </xf>
    <xf numFmtId="0" fontId="6" fillId="0" borderId="0" xfId="0" applyFont="1" applyFill="1" applyBorder="1" applyAlignment="1">
      <alignment horizontal="distributed"/>
    </xf>
    <xf numFmtId="0" fontId="6" fillId="0" borderId="6" xfId="0" applyFont="1" applyFill="1" applyBorder="1" applyAlignment="1">
      <alignment horizontal="distributed"/>
    </xf>
    <xf numFmtId="0" fontId="6" fillId="0" borderId="5" xfId="0" applyFont="1" applyFill="1" applyBorder="1" applyAlignment="1">
      <alignment horizontal="center" vertical="center" textRotation="255"/>
    </xf>
    <xf numFmtId="0" fontId="6" fillId="0" borderId="20" xfId="0" applyFont="1" applyFill="1" applyBorder="1" applyAlignment="1">
      <alignment horizontal="center" vertical="center" textRotation="255"/>
    </xf>
    <xf numFmtId="0" fontId="6" fillId="0" borderId="16" xfId="0" applyFont="1" applyFill="1" applyBorder="1" applyAlignment="1">
      <alignment horizontal="right"/>
    </xf>
    <xf numFmtId="0" fontId="6" fillId="0" borderId="18" xfId="0" applyFont="1" applyFill="1" applyBorder="1" applyAlignment="1">
      <alignment horizontal="right"/>
    </xf>
    <xf numFmtId="0" fontId="6" fillId="0" borderId="20" xfId="0" applyFont="1" applyFill="1" applyBorder="1" applyAlignment="1">
      <alignment horizontal="right"/>
    </xf>
    <xf numFmtId="181" fontId="20" fillId="0" borderId="0" xfId="0" applyNumberFormat="1" applyFont="1" applyFill="1" applyAlignment="1">
      <alignment horizontal="right"/>
    </xf>
    <xf numFmtId="177" fontId="20" fillId="0" borderId="0" xfId="0" applyNumberFormat="1" applyFont="1" applyFill="1" applyAlignment="1">
      <alignment horizontal="right"/>
    </xf>
    <xf numFmtId="177" fontId="6" fillId="0" borderId="0" xfId="0" applyNumberFormat="1" applyFont="1" applyFill="1" applyAlignment="1">
      <alignment horizontal="right"/>
    </xf>
    <xf numFmtId="181" fontId="6" fillId="0" borderId="5" xfId="0" applyNumberFormat="1" applyFont="1" applyFill="1" applyBorder="1" applyAlignment="1">
      <alignment horizontal="right"/>
    </xf>
    <xf numFmtId="181" fontId="6" fillId="0" borderId="0" xfId="0" applyNumberFormat="1" applyFont="1" applyFill="1" applyAlignment="1">
      <alignment horizontal="right"/>
    </xf>
    <xf numFmtId="177" fontId="6" fillId="0" borderId="5" xfId="0" applyNumberFormat="1" applyFont="1" applyFill="1" applyBorder="1" applyAlignment="1">
      <alignment horizontal="right"/>
    </xf>
    <xf numFmtId="0" fontId="6" fillId="0" borderId="20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/>
    </xf>
    <xf numFmtId="0" fontId="20" fillId="0" borderId="5" xfId="0" applyFont="1" applyFill="1" applyBorder="1" applyAlignment="1">
      <alignment horizontal="right"/>
    </xf>
    <xf numFmtId="184" fontId="20" fillId="0" borderId="0" xfId="0" applyNumberFormat="1" applyFont="1" applyFill="1" applyAlignment="1">
      <alignment horizontal="right"/>
    </xf>
    <xf numFmtId="0" fontId="19" fillId="0" borderId="0" xfId="0" applyFont="1" applyFill="1" applyAlignment="1">
      <alignment horizontal="center" vertical="center" textRotation="255"/>
    </xf>
    <xf numFmtId="0" fontId="6" fillId="0" borderId="0" xfId="0" applyFont="1" applyFill="1" applyBorder="1" applyAlignment="1">
      <alignment horizontal="right"/>
    </xf>
    <xf numFmtId="0" fontId="6" fillId="0" borderId="5" xfId="0" applyFont="1" applyFill="1" applyBorder="1"/>
    <xf numFmtId="181" fontId="6" fillId="0" borderId="0" xfId="0" applyNumberFormat="1" applyFont="1" applyFill="1" applyBorder="1" applyAlignment="1">
      <alignment horizontal="right"/>
    </xf>
    <xf numFmtId="181" fontId="6" fillId="0" borderId="6" xfId="0" applyNumberFormat="1" applyFont="1" applyFill="1" applyBorder="1" applyAlignment="1">
      <alignment horizontal="right"/>
    </xf>
    <xf numFmtId="184" fontId="6" fillId="0" borderId="0" xfId="0" applyNumberFormat="1" applyFont="1" applyFill="1" applyAlignment="1">
      <alignment horizontal="right"/>
    </xf>
    <xf numFmtId="0" fontId="19" fillId="0" borderId="6" xfId="0" applyFont="1" applyFill="1" applyBorder="1" applyAlignment="1">
      <alignment horizontal="center" vertical="center"/>
    </xf>
    <xf numFmtId="183" fontId="6" fillId="0" borderId="0" xfId="0" applyNumberFormat="1" applyFont="1" applyFill="1"/>
    <xf numFmtId="0" fontId="19" fillId="0" borderId="0" xfId="0" applyFont="1" applyFill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distributed"/>
    </xf>
    <xf numFmtId="0" fontId="6" fillId="0" borderId="13" xfId="0" applyFont="1" applyFill="1" applyBorder="1" applyAlignment="1">
      <alignment horizontal="distributed"/>
    </xf>
    <xf numFmtId="181" fontId="6" fillId="0" borderId="17" xfId="0" applyNumberFormat="1" applyFont="1" applyFill="1" applyBorder="1" applyAlignment="1">
      <alignment horizontal="right"/>
    </xf>
    <xf numFmtId="181" fontId="6" fillId="0" borderId="12" xfId="0" applyNumberFormat="1" applyFont="1" applyFill="1" applyBorder="1" applyAlignment="1">
      <alignment horizontal="right"/>
    </xf>
    <xf numFmtId="177" fontId="6" fillId="0" borderId="17" xfId="0" applyNumberFormat="1" applyFont="1" applyFill="1" applyBorder="1" applyAlignment="1">
      <alignment horizontal="right"/>
    </xf>
    <xf numFmtId="177" fontId="6" fillId="0" borderId="12" xfId="0" applyNumberFormat="1" applyFont="1" applyFill="1" applyBorder="1" applyAlignment="1">
      <alignment horizontal="right"/>
    </xf>
    <xf numFmtId="0" fontId="21" fillId="0" borderId="0" xfId="0" applyFont="1" applyFill="1"/>
    <xf numFmtId="185" fontId="6" fillId="0" borderId="11" xfId="0" applyNumberFormat="1" applyFont="1" applyFill="1" applyBorder="1"/>
    <xf numFmtId="182" fontId="6" fillId="0" borderId="11" xfId="0" applyNumberFormat="1" applyFont="1" applyFill="1" applyBorder="1"/>
    <xf numFmtId="182" fontId="6" fillId="0" borderId="17" xfId="0" applyNumberFormat="1" applyFont="1" applyFill="1" applyBorder="1"/>
    <xf numFmtId="0" fontId="22" fillId="0" borderId="0" xfId="0" applyFont="1" applyFill="1"/>
    <xf numFmtId="0" fontId="23" fillId="0" borderId="12" xfId="4" applyFont="1" applyFill="1" applyBorder="1"/>
    <xf numFmtId="0" fontId="25" fillId="0" borderId="12" xfId="4" applyFont="1" applyFill="1" applyBorder="1"/>
    <xf numFmtId="0" fontId="26" fillId="0" borderId="0" xfId="4" applyFont="1" applyFill="1"/>
    <xf numFmtId="0" fontId="15" fillId="0" borderId="0" xfId="4" applyFont="1" applyFill="1"/>
    <xf numFmtId="0" fontId="15" fillId="0" borderId="0" xfId="4" applyFont="1" applyFill="1" applyBorder="1"/>
    <xf numFmtId="0" fontId="29" fillId="0" borderId="5" xfId="4" applyFont="1" applyFill="1" applyBorder="1"/>
    <xf numFmtId="0" fontId="15" fillId="0" borderId="1" xfId="4" applyFont="1" applyFill="1" applyBorder="1" applyAlignment="1">
      <alignment horizontal="right"/>
    </xf>
    <xf numFmtId="0" fontId="15" fillId="0" borderId="5" xfId="4" applyFont="1" applyFill="1" applyBorder="1" applyAlignment="1">
      <alignment horizontal="right"/>
    </xf>
    <xf numFmtId="0" fontId="15" fillId="0" borderId="0" xfId="4" applyFont="1" applyFill="1" applyBorder="1" applyAlignment="1">
      <alignment horizontal="right"/>
    </xf>
    <xf numFmtId="0" fontId="27" fillId="0" borderId="5" xfId="4" applyFont="1" applyFill="1" applyBorder="1" applyAlignment="1">
      <alignment horizontal="center"/>
    </xf>
    <xf numFmtId="38" fontId="27" fillId="0" borderId="1" xfId="2" applyFont="1" applyFill="1" applyBorder="1"/>
    <xf numFmtId="38" fontId="27" fillId="0" borderId="5" xfId="2" applyFont="1" applyFill="1" applyBorder="1"/>
    <xf numFmtId="38" fontId="27" fillId="0" borderId="0" xfId="2" applyFont="1" applyFill="1" applyBorder="1"/>
    <xf numFmtId="38" fontId="15" fillId="0" borderId="0" xfId="4" applyNumberFormat="1" applyFont="1" applyFill="1"/>
    <xf numFmtId="0" fontId="29" fillId="0" borderId="32" xfId="4" applyFont="1" applyFill="1" applyBorder="1"/>
    <xf numFmtId="38" fontId="15" fillId="0" borderId="31" xfId="2" applyFont="1" applyFill="1" applyBorder="1"/>
    <xf numFmtId="0" fontId="15" fillId="0" borderId="32" xfId="4" applyFont="1" applyFill="1" applyBorder="1"/>
    <xf numFmtId="0" fontId="15" fillId="0" borderId="31" xfId="4" applyFont="1" applyFill="1" applyBorder="1"/>
    <xf numFmtId="0" fontId="15" fillId="0" borderId="39" xfId="4" applyFont="1" applyFill="1" applyBorder="1"/>
    <xf numFmtId="0" fontId="15" fillId="0" borderId="0" xfId="4" applyFont="1" applyFill="1" applyBorder="1" applyAlignment="1">
      <alignment horizontal="center"/>
    </xf>
    <xf numFmtId="0" fontId="27" fillId="0" borderId="5" xfId="4" applyFont="1" applyFill="1" applyBorder="1"/>
    <xf numFmtId="38" fontId="15" fillId="0" borderId="1" xfId="2" applyFont="1" applyFill="1" applyBorder="1"/>
    <xf numFmtId="38" fontId="15" fillId="0" borderId="34" xfId="4" applyNumberFormat="1" applyFont="1" applyFill="1" applyBorder="1"/>
    <xf numFmtId="38" fontId="15" fillId="0" borderId="0" xfId="4" applyNumberFormat="1" applyFont="1" applyFill="1" applyBorder="1"/>
    <xf numFmtId="38" fontId="15" fillId="0" borderId="1" xfId="4" applyNumberFormat="1" applyFont="1" applyFill="1" applyBorder="1"/>
    <xf numFmtId="0" fontId="30" fillId="0" borderId="0" xfId="4" applyFont="1" applyFill="1" applyBorder="1" applyAlignment="1">
      <alignment horizontal="center"/>
    </xf>
    <xf numFmtId="0" fontId="27" fillId="0" borderId="32" xfId="4" applyFont="1" applyFill="1" applyBorder="1"/>
    <xf numFmtId="38" fontId="15" fillId="0" borderId="31" xfId="4" applyNumberFormat="1" applyFont="1" applyFill="1" applyBorder="1"/>
    <xf numFmtId="38" fontId="15" fillId="0" borderId="39" xfId="4" applyNumberFormat="1" applyFont="1" applyFill="1" applyBorder="1"/>
    <xf numFmtId="38" fontId="15" fillId="0" borderId="34" xfId="2" applyFont="1" applyFill="1" applyBorder="1"/>
    <xf numFmtId="0" fontId="28" fillId="0" borderId="0" xfId="4" applyFont="1" applyFill="1" applyBorder="1" applyAlignment="1">
      <alignment horizontal="center"/>
    </xf>
    <xf numFmtId="0" fontId="27" fillId="0" borderId="32" xfId="4" applyFont="1" applyFill="1" applyBorder="1" applyAlignment="1">
      <alignment horizontal="center"/>
    </xf>
    <xf numFmtId="38" fontId="15" fillId="0" borderId="36" xfId="4" applyNumberFormat="1" applyFont="1" applyFill="1" applyBorder="1"/>
    <xf numFmtId="0" fontId="27" fillId="0" borderId="14" xfId="4" applyFont="1" applyFill="1" applyBorder="1" applyAlignment="1">
      <alignment horizontal="center"/>
    </xf>
    <xf numFmtId="38" fontId="15" fillId="0" borderId="43" xfId="2" applyFont="1" applyFill="1" applyBorder="1"/>
    <xf numFmtId="38" fontId="15" fillId="0" borderId="8" xfId="4" applyNumberFormat="1" applyFont="1" applyFill="1" applyBorder="1"/>
    <xf numFmtId="38" fontId="15" fillId="0" borderId="43" xfId="4" applyNumberFormat="1" applyFont="1" applyFill="1" applyBorder="1"/>
    <xf numFmtId="38" fontId="15" fillId="0" borderId="14" xfId="4" applyNumberFormat="1" applyFont="1" applyFill="1" applyBorder="1"/>
    <xf numFmtId="38" fontId="15" fillId="0" borderId="33" xfId="4" applyNumberFormat="1" applyFont="1" applyFill="1" applyBorder="1"/>
    <xf numFmtId="38" fontId="15" fillId="0" borderId="44" xfId="4" applyNumberFormat="1" applyFont="1" applyFill="1" applyBorder="1"/>
    <xf numFmtId="0" fontId="27" fillId="0" borderId="5" xfId="4" applyFont="1" applyFill="1" applyBorder="1" applyAlignment="1">
      <alignment horizontal="left"/>
    </xf>
    <xf numFmtId="38" fontId="15" fillId="0" borderId="5" xfId="4" applyNumberFormat="1" applyFont="1" applyFill="1" applyBorder="1"/>
    <xf numFmtId="38" fontId="15" fillId="0" borderId="3" xfId="4" applyNumberFormat="1" applyFont="1" applyFill="1" applyBorder="1"/>
    <xf numFmtId="38" fontId="15" fillId="0" borderId="4" xfId="4" applyNumberFormat="1" applyFont="1" applyFill="1" applyBorder="1"/>
    <xf numFmtId="0" fontId="15" fillId="0" borderId="12" xfId="4" applyFont="1" applyFill="1" applyBorder="1"/>
    <xf numFmtId="0" fontId="27" fillId="0" borderId="17" xfId="4" applyFont="1" applyFill="1" applyBorder="1" applyAlignment="1">
      <alignment horizontal="left"/>
    </xf>
    <xf numFmtId="38" fontId="15" fillId="0" borderId="11" xfId="2" applyFont="1" applyFill="1" applyBorder="1"/>
    <xf numFmtId="38" fontId="15" fillId="0" borderId="17" xfId="4" applyNumberFormat="1" applyFont="1" applyFill="1" applyBorder="1"/>
    <xf numFmtId="0" fontId="32" fillId="0" borderId="39" xfId="4" applyFont="1" applyFill="1" applyBorder="1"/>
    <xf numFmtId="0" fontId="32" fillId="0" borderId="31" xfId="4" applyFont="1" applyFill="1" applyBorder="1"/>
    <xf numFmtId="0" fontId="32" fillId="0" borderId="32" xfId="4" applyFont="1" applyFill="1" applyBorder="1"/>
    <xf numFmtId="38" fontId="15" fillId="0" borderId="5" xfId="2" applyFont="1" applyFill="1" applyBorder="1"/>
    <xf numFmtId="38" fontId="15" fillId="0" borderId="32" xfId="2" applyFont="1" applyFill="1" applyBorder="1"/>
    <xf numFmtId="38" fontId="15" fillId="0" borderId="33" xfId="2" applyFont="1" applyFill="1" applyBorder="1"/>
    <xf numFmtId="38" fontId="15" fillId="0" borderId="36" xfId="2" applyFont="1" applyFill="1" applyBorder="1"/>
    <xf numFmtId="38" fontId="15" fillId="0" borderId="35" xfId="2" applyFont="1" applyFill="1" applyBorder="1"/>
    <xf numFmtId="38" fontId="15" fillId="0" borderId="8" xfId="2" applyFont="1" applyFill="1" applyBorder="1"/>
    <xf numFmtId="38" fontId="15" fillId="0" borderId="14" xfId="2" applyFont="1" applyFill="1" applyBorder="1"/>
    <xf numFmtId="38" fontId="15" fillId="0" borderId="17" xfId="2" applyFont="1" applyFill="1" applyBorder="1"/>
    <xf numFmtId="0" fontId="23" fillId="0" borderId="0" xfId="4" applyFont="1" applyFill="1"/>
    <xf numFmtId="0" fontId="25" fillId="0" borderId="0" xfId="4" applyFont="1" applyFill="1"/>
    <xf numFmtId="0" fontId="27" fillId="0" borderId="36" xfId="4" applyFont="1" applyFill="1" applyBorder="1" applyAlignment="1">
      <alignment horizontal="center"/>
    </xf>
    <xf numFmtId="38" fontId="15" fillId="0" borderId="35" xfId="4" applyNumberFormat="1" applyFont="1" applyFill="1" applyBorder="1"/>
    <xf numFmtId="38" fontId="15" fillId="0" borderId="11" xfId="4" applyNumberFormat="1" applyFont="1" applyFill="1" applyBorder="1"/>
    <xf numFmtId="0" fontId="30" fillId="0" borderId="16" xfId="4" applyFont="1" applyFill="1" applyBorder="1" applyAlignment="1">
      <alignment horizontal="center"/>
    </xf>
    <xf numFmtId="0" fontId="27" fillId="0" borderId="15" xfId="4" applyFont="1" applyFill="1" applyBorder="1" applyAlignment="1">
      <alignment horizontal="center" vertical="center"/>
    </xf>
    <xf numFmtId="0" fontId="15" fillId="0" borderId="15" xfId="4" applyFont="1" applyFill="1" applyBorder="1" applyAlignment="1">
      <alignment horizontal="right"/>
    </xf>
    <xf numFmtId="0" fontId="15" fillId="0" borderId="20" xfId="4" applyFont="1" applyFill="1" applyBorder="1" applyAlignment="1">
      <alignment horizontal="right"/>
    </xf>
    <xf numFmtId="0" fontId="27" fillId="0" borderId="1" xfId="4" applyFont="1" applyFill="1" applyBorder="1" applyAlignment="1">
      <alignment horizontal="center" vertical="center"/>
    </xf>
    <xf numFmtId="38" fontId="27" fillId="0" borderId="1" xfId="2" applyFont="1" applyFill="1" applyBorder="1" applyAlignment="1">
      <alignment horizontal="right" vertical="center"/>
    </xf>
    <xf numFmtId="38" fontId="27" fillId="0" borderId="5" xfId="2" applyFont="1" applyFill="1" applyBorder="1" applyAlignment="1">
      <alignment horizontal="right" vertical="center"/>
    </xf>
    <xf numFmtId="0" fontId="29" fillId="0" borderId="31" xfId="4" applyFont="1" applyFill="1" applyBorder="1"/>
    <xf numFmtId="38" fontId="15" fillId="0" borderId="34" xfId="4" applyNumberFormat="1" applyFont="1" applyFill="1" applyBorder="1" applyAlignment="1">
      <alignment horizontal="right"/>
    </xf>
    <xf numFmtId="38" fontId="15" fillId="0" borderId="1" xfId="4" applyNumberFormat="1" applyFont="1" applyFill="1" applyBorder="1" applyAlignment="1">
      <alignment horizontal="right"/>
    </xf>
    <xf numFmtId="38" fontId="15" fillId="0" borderId="38" xfId="4" applyNumberFormat="1" applyFont="1" applyFill="1" applyBorder="1"/>
    <xf numFmtId="38" fontId="15" fillId="0" borderId="1" xfId="4" quotePrefix="1" applyNumberFormat="1" applyFont="1" applyFill="1" applyBorder="1" applyAlignment="1">
      <alignment horizontal="right"/>
    </xf>
    <xf numFmtId="0" fontId="27" fillId="0" borderId="35" xfId="4" applyFont="1" applyFill="1" applyBorder="1" applyAlignment="1">
      <alignment horizontal="center"/>
    </xf>
    <xf numFmtId="38" fontId="15" fillId="0" borderId="36" xfId="4" applyNumberFormat="1" applyFont="1" applyFill="1" applyBorder="1" applyAlignment="1">
      <alignment horizontal="right"/>
    </xf>
    <xf numFmtId="38" fontId="15" fillId="0" borderId="40" xfId="4" applyNumberFormat="1" applyFont="1" applyFill="1" applyBorder="1"/>
    <xf numFmtId="0" fontId="30" fillId="0" borderId="12" xfId="4" applyFont="1" applyFill="1" applyBorder="1" applyAlignment="1">
      <alignment horizontal="center"/>
    </xf>
    <xf numFmtId="0" fontId="27" fillId="0" borderId="17" xfId="4" applyFont="1" applyFill="1" applyBorder="1" applyAlignment="1">
      <alignment horizontal="center"/>
    </xf>
    <xf numFmtId="38" fontId="15" fillId="0" borderId="11" xfId="4" applyNumberFormat="1" applyFont="1" applyFill="1" applyBorder="1" applyAlignment="1">
      <alignment horizontal="right"/>
    </xf>
    <xf numFmtId="38" fontId="15" fillId="0" borderId="12" xfId="4" applyNumberFormat="1" applyFont="1" applyFill="1" applyBorder="1"/>
    <xf numFmtId="38" fontId="9" fillId="0" borderId="0" xfId="4" applyNumberFormat="1" applyFill="1"/>
    <xf numFmtId="0" fontId="33" fillId="0" borderId="0" xfId="0" applyFont="1"/>
    <xf numFmtId="0" fontId="34" fillId="0" borderId="0" xfId="0" applyFont="1"/>
    <xf numFmtId="0" fontId="0" fillId="0" borderId="27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41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" xfId="0" applyBorder="1" applyAlignment="1">
      <alignment horizontal="distributed" vertical="center"/>
    </xf>
    <xf numFmtId="177" fontId="0" fillId="0" borderId="1" xfId="0" applyNumberForma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0" xfId="0" applyAlignment="1">
      <alignment horizontal="distributed" vertical="center" shrinkToFit="1"/>
    </xf>
    <xf numFmtId="0" fontId="0" fillId="0" borderId="1" xfId="0" applyBorder="1" applyAlignment="1">
      <alignment horizontal="distributed" vertical="center" shrinkToFit="1"/>
    </xf>
    <xf numFmtId="0" fontId="0" fillId="0" borderId="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1" xfId="0" applyBorder="1" applyAlignment="1">
      <alignment horizontal="distributed" vertical="center" shrinkToFit="1"/>
    </xf>
    <xf numFmtId="177" fontId="0" fillId="0" borderId="11" xfId="0" applyNumberFormat="1" applyBorder="1" applyAlignment="1">
      <alignment horizontal="center" vertical="center"/>
    </xf>
    <xf numFmtId="0" fontId="34" fillId="0" borderId="17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177" fontId="0" fillId="0" borderId="16" xfId="0" applyNumberFormat="1" applyBorder="1" applyAlignment="1">
      <alignment horizontal="center" vertical="center"/>
    </xf>
    <xf numFmtId="0" fontId="0" fillId="0" borderId="16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177" fontId="0" fillId="0" borderId="0" xfId="0" applyNumberFormat="1" applyBorder="1" applyAlignment="1">
      <alignment horizontal="center" vertical="center"/>
    </xf>
    <xf numFmtId="0" fontId="0" fillId="0" borderId="13" xfId="0" applyFill="1" applyBorder="1" applyAlignment="1">
      <alignment horizontal="center" vertical="center"/>
    </xf>
    <xf numFmtId="0" fontId="0" fillId="0" borderId="11" xfId="0" applyFill="1" applyBorder="1" applyAlignment="1">
      <alignment horizontal="distributed" vertical="center" shrinkToFit="1"/>
    </xf>
    <xf numFmtId="177" fontId="0" fillId="0" borderId="11" xfId="0" applyNumberFormat="1" applyFill="1" applyBorder="1" applyAlignment="1">
      <alignment horizontal="center" vertical="center"/>
    </xf>
    <xf numFmtId="0" fontId="0" fillId="0" borderId="17" xfId="0" applyBorder="1" applyAlignment="1">
      <alignment horizontal="center"/>
    </xf>
    <xf numFmtId="0" fontId="0" fillId="0" borderId="16" xfId="0" applyFill="1" applyBorder="1" applyAlignment="1">
      <alignment horizontal="center" vertical="center" shrinkToFit="1"/>
    </xf>
    <xf numFmtId="177" fontId="0" fillId="0" borderId="16" xfId="0" applyNumberFormat="1" applyFill="1" applyBorder="1" applyAlignment="1">
      <alignment horizontal="center" vertical="center"/>
    </xf>
    <xf numFmtId="0" fontId="0" fillId="0" borderId="16" xfId="0" applyBorder="1" applyAlignment="1">
      <alignment horizontal="center"/>
    </xf>
    <xf numFmtId="0" fontId="0" fillId="0" borderId="0" xfId="0" applyBorder="1"/>
    <xf numFmtId="0" fontId="0" fillId="0" borderId="0" xfId="0" applyFill="1" applyBorder="1" applyAlignment="1">
      <alignment horizontal="distributed" vertical="center"/>
    </xf>
    <xf numFmtId="0" fontId="34" fillId="0" borderId="0" xfId="0" applyFont="1" applyBorder="1" applyAlignment="1">
      <alignment horizontal="center" vertical="center"/>
    </xf>
    <xf numFmtId="0" fontId="0" fillId="0" borderId="11" xfId="0" applyBorder="1" applyAlignment="1">
      <alignment horizontal="distributed" vertical="center"/>
    </xf>
    <xf numFmtId="0" fontId="0" fillId="0" borderId="17" xfId="0" applyBorder="1" applyAlignment="1">
      <alignment horizontal="center" vertical="center"/>
    </xf>
    <xf numFmtId="182" fontId="0" fillId="0" borderId="1" xfId="0" applyNumberFormat="1" applyBorder="1" applyAlignment="1">
      <alignment horizontal="center" vertical="center"/>
    </xf>
    <xf numFmtId="182" fontId="0" fillId="0" borderId="0" xfId="0" applyNumberFormat="1" applyAlignment="1">
      <alignment horizontal="center" vertical="center"/>
    </xf>
    <xf numFmtId="182" fontId="0" fillId="0" borderId="0" xfId="0" applyNumberFormat="1" applyAlignment="1">
      <alignment horizontal="center"/>
    </xf>
    <xf numFmtId="0" fontId="0" fillId="0" borderId="0" xfId="0" applyFill="1" applyBorder="1" applyAlignment="1">
      <alignment horizontal="distributed" vertical="center" shrinkToFit="1"/>
    </xf>
    <xf numFmtId="182" fontId="0" fillId="0" borderId="11" xfId="0" applyNumberFormat="1" applyBorder="1" applyAlignment="1">
      <alignment horizontal="center" vertical="center"/>
    </xf>
    <xf numFmtId="0" fontId="0" fillId="0" borderId="17" xfId="0" applyFill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182" fontId="0" fillId="0" borderId="11" xfId="0" applyNumberFormat="1" applyBorder="1" applyAlignment="1">
      <alignment horizontal="center"/>
    </xf>
    <xf numFmtId="0" fontId="0" fillId="0" borderId="0" xfId="0" applyBorder="1" applyAlignment="1">
      <alignment horizontal="center" vertical="center" shrinkToFit="1"/>
    </xf>
    <xf numFmtId="182" fontId="0" fillId="0" borderId="0" xfId="0" applyNumberFormat="1" applyBorder="1" applyAlignment="1">
      <alignment horizontal="center" vertical="center"/>
    </xf>
    <xf numFmtId="0" fontId="0" fillId="0" borderId="16" xfId="0" applyBorder="1" applyAlignment="1">
      <alignment horizontal="center" vertical="center" shrinkToFit="1"/>
    </xf>
    <xf numFmtId="182" fontId="0" fillId="0" borderId="16" xfId="0" applyNumberFormat="1" applyBorder="1" applyAlignment="1">
      <alignment horizontal="center" vertical="center"/>
    </xf>
    <xf numFmtId="0" fontId="37" fillId="0" borderId="0" xfId="4" applyFont="1" applyAlignment="1">
      <alignment horizontal="left" vertical="center"/>
    </xf>
    <xf numFmtId="0" fontId="16" fillId="0" borderId="0" xfId="4" applyFont="1" applyFill="1"/>
    <xf numFmtId="0" fontId="9" fillId="0" borderId="0" xfId="4"/>
    <xf numFmtId="0" fontId="39" fillId="0" borderId="16" xfId="4" applyFont="1" applyBorder="1"/>
    <xf numFmtId="0" fontId="39" fillId="0" borderId="19" xfId="4" applyFont="1" applyFill="1" applyBorder="1" applyAlignment="1">
      <alignment horizontal="distributed" vertical="center"/>
    </xf>
    <xf numFmtId="0" fontId="41" fillId="0" borderId="16" xfId="4" applyFont="1" applyFill="1" applyBorder="1" applyAlignment="1">
      <alignment horizontal="center" vertical="center"/>
    </xf>
    <xf numFmtId="0" fontId="41" fillId="0" borderId="20" xfId="4" applyFont="1" applyFill="1" applyBorder="1" applyAlignment="1">
      <alignment horizontal="center" vertical="center"/>
    </xf>
    <xf numFmtId="0" fontId="41" fillId="0" borderId="0" xfId="4" applyFont="1" applyFill="1" applyBorder="1" applyAlignment="1">
      <alignment horizontal="center" vertical="center"/>
    </xf>
    <xf numFmtId="0" fontId="40" fillId="0" borderId="9" xfId="4" applyFont="1" applyBorder="1" applyAlignment="1">
      <alignment horizontal="distributed" vertical="center"/>
    </xf>
    <xf numFmtId="0" fontId="39" fillId="0" borderId="8" xfId="4" applyFont="1" applyFill="1" applyBorder="1" applyAlignment="1">
      <alignment horizontal="center" vertical="center"/>
    </xf>
    <xf numFmtId="0" fontId="39" fillId="0" borderId="8" xfId="4" applyFont="1" applyFill="1" applyBorder="1" applyAlignment="1">
      <alignment horizontal="distributed" vertical="center"/>
    </xf>
    <xf numFmtId="0" fontId="41" fillId="0" borderId="8" xfId="4" applyFont="1" applyFill="1" applyBorder="1" applyAlignment="1">
      <alignment horizontal="center" vertical="center"/>
    </xf>
    <xf numFmtId="0" fontId="39" fillId="0" borderId="10" xfId="4" applyFont="1" applyFill="1" applyBorder="1" applyAlignment="1">
      <alignment horizontal="center" vertical="center"/>
    </xf>
    <xf numFmtId="0" fontId="41" fillId="0" borderId="14" xfId="4" applyFont="1" applyFill="1" applyBorder="1" applyAlignment="1">
      <alignment horizontal="center" vertical="center"/>
    </xf>
    <xf numFmtId="0" fontId="40" fillId="0" borderId="8" xfId="4" applyFont="1" applyFill="1" applyBorder="1" applyAlignment="1">
      <alignment horizontal="right" vertical="center"/>
    </xf>
    <xf numFmtId="0" fontId="40" fillId="0" borderId="8" xfId="4" applyFont="1" applyFill="1" applyBorder="1" applyAlignment="1">
      <alignment horizontal="center" vertical="center"/>
    </xf>
    <xf numFmtId="0" fontId="40" fillId="0" borderId="10" xfId="4" applyFont="1" applyFill="1" applyBorder="1" applyAlignment="1">
      <alignment horizontal="center" vertical="center"/>
    </xf>
    <xf numFmtId="0" fontId="40" fillId="0" borderId="9" xfId="4" applyFont="1" applyFill="1" applyBorder="1" applyAlignment="1">
      <alignment horizontal="center" vertical="center"/>
    </xf>
    <xf numFmtId="0" fontId="42" fillId="0" borderId="0" xfId="4" applyFont="1"/>
    <xf numFmtId="0" fontId="43" fillId="0" borderId="0" xfId="4" applyFont="1" applyBorder="1"/>
    <xf numFmtId="0" fontId="43" fillId="0" borderId="1" xfId="4" applyFont="1" applyFill="1" applyBorder="1" applyAlignment="1">
      <alignment horizontal="right" vertical="center"/>
    </xf>
    <xf numFmtId="0" fontId="43" fillId="0" borderId="6" xfId="4" applyFont="1" applyFill="1" applyBorder="1" applyAlignment="1">
      <alignment horizontal="right" vertical="center"/>
    </xf>
    <xf numFmtId="0" fontId="43" fillId="0" borderId="5" xfId="4" applyFont="1" applyFill="1" applyBorder="1" applyAlignment="1">
      <alignment horizontal="right" vertical="center"/>
    </xf>
    <xf numFmtId="0" fontId="43" fillId="0" borderId="0" xfId="4" applyFont="1" applyFill="1" applyBorder="1" applyAlignment="1">
      <alignment horizontal="right" vertical="center"/>
    </xf>
    <xf numFmtId="186" fontId="44" fillId="2" borderId="0" xfId="4" applyNumberFormat="1" applyFont="1" applyFill="1" applyBorder="1" applyAlignment="1">
      <alignment horizontal="center" vertical="center"/>
    </xf>
    <xf numFmtId="38" fontId="13" fillId="0" borderId="1" xfId="2" applyFont="1" applyFill="1" applyBorder="1" applyAlignment="1">
      <alignment horizontal="right" vertical="center"/>
    </xf>
    <xf numFmtId="38" fontId="13" fillId="0" borderId="6" xfId="2" applyFont="1" applyFill="1" applyBorder="1" applyAlignment="1">
      <alignment horizontal="right" vertical="center"/>
    </xf>
    <xf numFmtId="180" fontId="13" fillId="0" borderId="6" xfId="4" applyNumberFormat="1" applyFont="1" applyFill="1" applyBorder="1" applyAlignment="1">
      <alignment horizontal="right" vertical="center"/>
    </xf>
    <xf numFmtId="180" fontId="13" fillId="0" borderId="1" xfId="4" applyNumberFormat="1" applyFont="1" applyFill="1" applyBorder="1" applyAlignment="1">
      <alignment horizontal="right" vertical="center"/>
    </xf>
    <xf numFmtId="180" fontId="13" fillId="0" borderId="5" xfId="4" applyNumberFormat="1" applyFont="1" applyFill="1" applyBorder="1" applyAlignment="1">
      <alignment horizontal="right" vertical="center"/>
    </xf>
    <xf numFmtId="180" fontId="45" fillId="0" borderId="1" xfId="6" applyNumberFormat="1" applyFont="1" applyFill="1" applyBorder="1" applyAlignment="1">
      <alignment horizontal="right" vertical="center"/>
    </xf>
    <xf numFmtId="2" fontId="13" fillId="0" borderId="0" xfId="4" applyNumberFormat="1" applyFont="1" applyFill="1" applyBorder="1" applyAlignment="1">
      <alignment horizontal="right" vertical="center"/>
    </xf>
    <xf numFmtId="180" fontId="13" fillId="0" borderId="0" xfId="4" applyNumberFormat="1" applyFont="1" applyFill="1" applyBorder="1" applyAlignment="1">
      <alignment horizontal="right" vertical="center"/>
    </xf>
    <xf numFmtId="0" fontId="11" fillId="0" borderId="0" xfId="4" applyFont="1" applyBorder="1" applyAlignment="1">
      <alignment vertical="center"/>
    </xf>
    <xf numFmtId="38" fontId="11" fillId="0" borderId="1" xfId="2" applyFont="1" applyFill="1" applyBorder="1" applyAlignment="1">
      <alignment horizontal="right" vertical="center"/>
    </xf>
    <xf numFmtId="38" fontId="11" fillId="0" borderId="6" xfId="2" applyFont="1" applyFill="1" applyBorder="1" applyAlignment="1">
      <alignment horizontal="right" vertical="center"/>
    </xf>
    <xf numFmtId="180" fontId="11" fillId="0" borderId="6" xfId="4" applyNumberFormat="1" applyFont="1" applyFill="1" applyBorder="1" applyAlignment="1">
      <alignment horizontal="right" vertical="center"/>
    </xf>
    <xf numFmtId="180" fontId="11" fillId="0" borderId="1" xfId="4" applyNumberFormat="1" applyFont="1" applyFill="1" applyBorder="1" applyAlignment="1">
      <alignment horizontal="right" vertical="center"/>
    </xf>
    <xf numFmtId="180" fontId="11" fillId="0" borderId="5" xfId="4" applyNumberFormat="1" applyFont="1" applyFill="1" applyBorder="1" applyAlignment="1">
      <alignment horizontal="right" vertical="center"/>
    </xf>
    <xf numFmtId="180" fontId="46" fillId="0" borderId="1" xfId="6" applyNumberFormat="1" applyFont="1" applyFill="1" applyBorder="1" applyAlignment="1">
      <alignment horizontal="right" vertical="center"/>
    </xf>
    <xf numFmtId="180" fontId="11" fillId="0" borderId="0" xfId="4" applyNumberFormat="1" applyFont="1" applyFill="1" applyBorder="1" applyAlignment="1">
      <alignment horizontal="right" vertical="center"/>
    </xf>
    <xf numFmtId="0" fontId="44" fillId="0" borderId="0" xfId="4" applyFont="1" applyBorder="1" applyAlignment="1">
      <alignment vertical="center"/>
    </xf>
    <xf numFmtId="0" fontId="47" fillId="0" borderId="0" xfId="4" applyFont="1"/>
    <xf numFmtId="0" fontId="48" fillId="0" borderId="0" xfId="4" applyFont="1" applyBorder="1" applyAlignment="1">
      <alignment horizontal="center" vertical="center"/>
    </xf>
    <xf numFmtId="2" fontId="11" fillId="0" borderId="0" xfId="4" applyNumberFormat="1" applyFont="1" applyFill="1" applyBorder="1" applyAlignment="1">
      <alignment horizontal="right" vertical="center"/>
    </xf>
    <xf numFmtId="178" fontId="11" fillId="0" borderId="1" xfId="4" applyNumberFormat="1" applyFont="1" applyFill="1" applyBorder="1" applyAlignment="1">
      <alignment horizontal="right" vertical="center"/>
    </xf>
    <xf numFmtId="0" fontId="48" fillId="0" borderId="0" xfId="4" applyFont="1" applyFill="1" applyBorder="1" applyAlignment="1">
      <alignment horizontal="center" vertical="center"/>
    </xf>
    <xf numFmtId="0" fontId="44" fillId="0" borderId="0" xfId="4" applyFont="1" applyBorder="1" applyAlignment="1"/>
    <xf numFmtId="38" fontId="13" fillId="0" borderId="1" xfId="2" applyFont="1" applyFill="1" applyBorder="1" applyAlignment="1"/>
    <xf numFmtId="38" fontId="13" fillId="0" borderId="1" xfId="2" applyFont="1" applyFill="1" applyBorder="1" applyAlignment="1">
      <alignment horizontal="right"/>
    </xf>
    <xf numFmtId="180" fontId="13" fillId="0" borderId="6" xfId="4" applyNumberFormat="1" applyFont="1" applyFill="1" applyBorder="1" applyAlignment="1"/>
    <xf numFmtId="180" fontId="13" fillId="0" borderId="1" xfId="4" applyNumberFormat="1" applyFont="1" applyFill="1" applyBorder="1" applyAlignment="1"/>
    <xf numFmtId="180" fontId="13" fillId="0" borderId="5" xfId="4" applyNumberFormat="1" applyFont="1" applyFill="1" applyBorder="1" applyAlignment="1"/>
    <xf numFmtId="2" fontId="13" fillId="0" borderId="0" xfId="4" applyNumberFormat="1" applyFont="1" applyFill="1" applyBorder="1" applyAlignment="1">
      <alignment horizontal="right"/>
    </xf>
    <xf numFmtId="180" fontId="13" fillId="0" borderId="0" xfId="4" applyNumberFormat="1" applyFont="1" applyFill="1" applyBorder="1" applyAlignment="1"/>
    <xf numFmtId="38" fontId="11" fillId="0" borderId="1" xfId="2" applyFont="1" applyFill="1" applyBorder="1" applyAlignment="1"/>
    <xf numFmtId="0" fontId="48" fillId="0" borderId="0" xfId="4" applyFont="1" applyBorder="1" applyAlignment="1">
      <alignment vertical="center"/>
    </xf>
    <xf numFmtId="0" fontId="44" fillId="0" borderId="0" xfId="4" applyFont="1" applyBorder="1" applyAlignment="1">
      <alignment horizontal="distributed" vertical="center"/>
    </xf>
    <xf numFmtId="187" fontId="11" fillId="0" borderId="6" xfId="4" applyNumberFormat="1" applyFont="1" applyFill="1" applyBorder="1" applyAlignment="1">
      <alignment horizontal="right" vertical="center"/>
    </xf>
    <xf numFmtId="178" fontId="13" fillId="0" borderId="6" xfId="4" applyNumberFormat="1" applyFont="1" applyFill="1" applyBorder="1" applyAlignment="1">
      <alignment horizontal="right" vertical="center"/>
    </xf>
    <xf numFmtId="178" fontId="11" fillId="0" borderId="6" xfId="4" applyNumberFormat="1" applyFont="1" applyFill="1" applyBorder="1" applyAlignment="1">
      <alignment horizontal="right" vertical="center"/>
    </xf>
    <xf numFmtId="0" fontId="48" fillId="0" borderId="0" xfId="4" applyFont="1" applyFill="1" applyBorder="1" applyAlignment="1">
      <alignment vertical="center"/>
    </xf>
    <xf numFmtId="0" fontId="48" fillId="0" borderId="12" xfId="4" applyFont="1" applyFill="1" applyBorder="1" applyAlignment="1">
      <alignment vertical="center"/>
    </xf>
    <xf numFmtId="38" fontId="11" fillId="0" borderId="11" xfId="2" applyFont="1" applyFill="1" applyBorder="1" applyAlignment="1">
      <alignment horizontal="right" vertical="center"/>
    </xf>
    <xf numFmtId="38" fontId="11" fillId="0" borderId="13" xfId="2" applyFont="1" applyFill="1" applyBorder="1" applyAlignment="1">
      <alignment horizontal="right" vertical="center"/>
    </xf>
    <xf numFmtId="38" fontId="13" fillId="0" borderId="11" xfId="2" applyFont="1" applyFill="1" applyBorder="1" applyAlignment="1">
      <alignment horizontal="right" vertical="center"/>
    </xf>
    <xf numFmtId="180" fontId="11" fillId="0" borderId="13" xfId="4" applyNumberFormat="1" applyFont="1" applyFill="1" applyBorder="1" applyAlignment="1">
      <alignment horizontal="right" vertical="center"/>
    </xf>
    <xf numFmtId="180" fontId="11" fillId="0" borderId="11" xfId="4" applyNumberFormat="1" applyFont="1" applyFill="1" applyBorder="1" applyAlignment="1">
      <alignment horizontal="right" vertical="center"/>
    </xf>
    <xf numFmtId="180" fontId="11" fillId="0" borderId="17" xfId="4" applyNumberFormat="1" applyFont="1" applyFill="1" applyBorder="1" applyAlignment="1">
      <alignment horizontal="right" vertical="center"/>
    </xf>
    <xf numFmtId="2" fontId="11" fillId="0" borderId="12" xfId="4" applyNumberFormat="1" applyFont="1" applyFill="1" applyBorder="1" applyAlignment="1">
      <alignment horizontal="right" vertical="center"/>
    </xf>
    <xf numFmtId="0" fontId="15" fillId="0" borderId="0" xfId="4" applyFont="1"/>
    <xf numFmtId="0" fontId="37" fillId="0" borderId="0" xfId="4" applyFont="1" applyFill="1" applyAlignment="1">
      <alignment horizontal="left" vertical="center"/>
    </xf>
    <xf numFmtId="0" fontId="39" fillId="0" borderId="16" xfId="4" applyFont="1" applyFill="1" applyBorder="1"/>
    <xf numFmtId="56" fontId="39" fillId="0" borderId="19" xfId="4" applyNumberFormat="1" applyFont="1" applyFill="1" applyBorder="1" applyAlignment="1">
      <alignment horizontal="distributed" vertical="center"/>
    </xf>
    <xf numFmtId="0" fontId="40" fillId="0" borderId="9" xfId="4" applyFont="1" applyFill="1" applyBorder="1" applyAlignment="1">
      <alignment horizontal="distributed" vertical="center"/>
    </xf>
    <xf numFmtId="0" fontId="42" fillId="0" borderId="0" xfId="4" applyFont="1" applyFill="1"/>
    <xf numFmtId="0" fontId="43" fillId="0" borderId="0" xfId="4" applyFont="1" applyFill="1" applyBorder="1"/>
    <xf numFmtId="186" fontId="44" fillId="0" borderId="0" xfId="4" applyNumberFormat="1" applyFont="1" applyFill="1" applyBorder="1" applyAlignment="1">
      <alignment horizontal="center" vertical="center"/>
    </xf>
    <xf numFmtId="0" fontId="11" fillId="0" borderId="1" xfId="7" applyFont="1" applyFill="1" applyBorder="1" applyAlignment="1">
      <alignment horizontal="right"/>
    </xf>
    <xf numFmtId="2" fontId="17" fillId="0" borderId="0" xfId="4" applyNumberFormat="1" applyFont="1" applyFill="1" applyBorder="1"/>
    <xf numFmtId="0" fontId="44" fillId="0" borderId="0" xfId="4" applyFont="1" applyFill="1" applyBorder="1" applyAlignment="1">
      <alignment vertical="center"/>
    </xf>
    <xf numFmtId="0" fontId="49" fillId="0" borderId="0" xfId="4" applyFont="1" applyFill="1"/>
    <xf numFmtId="38" fontId="11" fillId="0" borderId="1" xfId="2" applyFont="1" applyFill="1" applyBorder="1" applyAlignment="1">
      <alignment horizontal="right"/>
    </xf>
    <xf numFmtId="0" fontId="44" fillId="0" borderId="0" xfId="4" applyFont="1" applyFill="1" applyBorder="1" applyAlignment="1"/>
    <xf numFmtId="0" fontId="44" fillId="0" borderId="0" xfId="4" applyFont="1" applyFill="1" applyBorder="1" applyAlignment="1">
      <alignment horizontal="distributed" vertical="center"/>
    </xf>
    <xf numFmtId="38" fontId="11" fillId="0" borderId="11" xfId="2" applyFont="1" applyFill="1" applyBorder="1" applyAlignment="1">
      <alignment horizontal="right"/>
    </xf>
    <xf numFmtId="0" fontId="15" fillId="0" borderId="0" xfId="4" applyFont="1" applyFill="1" applyAlignment="1"/>
    <xf numFmtId="188" fontId="48" fillId="0" borderId="0" xfId="4" applyNumberFormat="1" applyFont="1" applyFill="1" applyBorder="1" applyAlignment="1">
      <alignment horizontal="right"/>
    </xf>
    <xf numFmtId="186" fontId="48" fillId="0" borderId="0" xfId="4" applyNumberFormat="1" applyFont="1" applyFill="1" applyBorder="1" applyAlignment="1">
      <alignment horizontal="right"/>
    </xf>
    <xf numFmtId="189" fontId="48" fillId="0" borderId="0" xfId="4" applyNumberFormat="1" applyFont="1" applyFill="1" applyBorder="1" applyAlignment="1">
      <alignment horizontal="right"/>
    </xf>
    <xf numFmtId="0" fontId="9" fillId="0" borderId="0" xfId="4" applyFill="1" applyAlignment="1"/>
    <xf numFmtId="38" fontId="13" fillId="0" borderId="1" xfId="2" applyFont="1" applyFill="1" applyBorder="1"/>
    <xf numFmtId="38" fontId="13" fillId="0" borderId="1" xfId="2" applyFont="1" applyFill="1" applyBorder="1" applyAlignment="1" applyProtection="1">
      <alignment horizontal="right" vertical="center"/>
    </xf>
    <xf numFmtId="180" fontId="13" fillId="0" borderId="6" xfId="4" applyNumberFormat="1" applyFont="1" applyFill="1" applyBorder="1" applyAlignment="1" applyProtection="1">
      <alignment horizontal="right" vertical="center"/>
    </xf>
    <xf numFmtId="180" fontId="13" fillId="0" borderId="1" xfId="4" applyNumberFormat="1" applyFont="1" applyFill="1" applyBorder="1" applyAlignment="1" applyProtection="1">
      <alignment horizontal="right" vertical="center"/>
    </xf>
    <xf numFmtId="180" fontId="13" fillId="0" borderId="5" xfId="4" applyNumberFormat="1" applyFont="1" applyFill="1" applyBorder="1" applyAlignment="1" applyProtection="1">
      <alignment horizontal="right" vertical="center"/>
    </xf>
    <xf numFmtId="2" fontId="13" fillId="0" borderId="0" xfId="4" applyNumberFormat="1" applyFont="1" applyFill="1" applyBorder="1" applyAlignment="1" applyProtection="1">
      <alignment horizontal="right" vertical="center"/>
    </xf>
    <xf numFmtId="0" fontId="11" fillId="0" borderId="1" xfId="7" applyFont="1" applyFill="1" applyBorder="1"/>
    <xf numFmtId="38" fontId="11" fillId="0" borderId="1" xfId="2" applyFont="1" applyFill="1" applyBorder="1" applyAlignment="1" applyProtection="1">
      <alignment horizontal="right" vertical="center"/>
    </xf>
    <xf numFmtId="180" fontId="11" fillId="0" borderId="6" xfId="4" applyNumberFormat="1" applyFont="1" applyFill="1" applyBorder="1" applyAlignment="1" applyProtection="1">
      <alignment horizontal="right" vertical="center"/>
    </xf>
    <xf numFmtId="180" fontId="11" fillId="0" borderId="1" xfId="4" applyNumberFormat="1" applyFont="1" applyFill="1" applyBorder="1" applyAlignment="1" applyProtection="1">
      <alignment horizontal="right" vertical="center"/>
    </xf>
    <xf numFmtId="180" fontId="11" fillId="0" borderId="5" xfId="4" applyNumberFormat="1" applyFont="1" applyFill="1" applyBorder="1" applyAlignment="1" applyProtection="1">
      <alignment horizontal="right" vertical="center"/>
    </xf>
    <xf numFmtId="0" fontId="47" fillId="0" borderId="0" xfId="4" applyFont="1" applyFill="1"/>
    <xf numFmtId="38" fontId="11" fillId="0" borderId="1" xfId="2" applyFont="1" applyFill="1" applyBorder="1"/>
    <xf numFmtId="2" fontId="11" fillId="0" borderId="0" xfId="4" applyNumberFormat="1" applyFont="1" applyFill="1" applyBorder="1" applyAlignment="1" applyProtection="1">
      <alignment horizontal="right" vertical="center"/>
    </xf>
    <xf numFmtId="38" fontId="13" fillId="0" borderId="1" xfId="2" applyFont="1" applyFill="1" applyBorder="1" applyAlignment="1" applyProtection="1"/>
    <xf numFmtId="180" fontId="13" fillId="0" borderId="6" xfId="4" applyNumberFormat="1" applyFont="1" applyFill="1" applyBorder="1" applyAlignment="1" applyProtection="1"/>
    <xf numFmtId="180" fontId="13" fillId="0" borderId="1" xfId="4" applyNumberFormat="1" applyFont="1" applyFill="1" applyBorder="1" applyAlignment="1" applyProtection="1"/>
    <xf numFmtId="180" fontId="13" fillId="0" borderId="5" xfId="4" applyNumberFormat="1" applyFont="1" applyFill="1" applyBorder="1" applyAlignment="1" applyProtection="1"/>
    <xf numFmtId="2" fontId="13" fillId="0" borderId="0" xfId="4" applyNumberFormat="1" applyFont="1" applyFill="1" applyBorder="1" applyAlignment="1" applyProtection="1">
      <alignment horizontal="right"/>
    </xf>
    <xf numFmtId="178" fontId="11" fillId="0" borderId="5" xfId="4" applyNumberFormat="1" applyFont="1" applyFill="1" applyBorder="1" applyAlignment="1" applyProtection="1">
      <alignment horizontal="right" vertical="center"/>
    </xf>
    <xf numFmtId="38" fontId="11" fillId="0" borderId="11" xfId="2" applyFont="1" applyFill="1" applyBorder="1"/>
    <xf numFmtId="38" fontId="11" fillId="0" borderId="11" xfId="2" applyFont="1" applyFill="1" applyBorder="1" applyAlignment="1" applyProtection="1">
      <alignment horizontal="right" vertical="center"/>
    </xf>
    <xf numFmtId="180" fontId="11" fillId="0" borderId="13" xfId="4" applyNumberFormat="1" applyFont="1" applyFill="1" applyBorder="1" applyAlignment="1" applyProtection="1">
      <alignment horizontal="right" vertical="center"/>
    </xf>
    <xf numFmtId="180" fontId="11" fillId="0" borderId="11" xfId="4" applyNumberFormat="1" applyFont="1" applyFill="1" applyBorder="1" applyAlignment="1" applyProtection="1">
      <alignment horizontal="right" vertical="center"/>
    </xf>
    <xf numFmtId="180" fontId="11" fillId="0" borderId="17" xfId="4" applyNumberFormat="1" applyFont="1" applyFill="1" applyBorder="1" applyAlignment="1" applyProtection="1">
      <alignment horizontal="right" vertical="center"/>
    </xf>
    <xf numFmtId="2" fontId="11" fillId="0" borderId="12" xfId="4" applyNumberFormat="1" applyFont="1" applyFill="1" applyBorder="1" applyAlignment="1" applyProtection="1">
      <alignment horizontal="right" vertical="center"/>
    </xf>
    <xf numFmtId="188" fontId="48" fillId="0" borderId="0" xfId="4" applyNumberFormat="1" applyFont="1" applyFill="1" applyBorder="1" applyAlignment="1">
      <alignment horizontal="right" vertical="center"/>
    </xf>
    <xf numFmtId="186" fontId="48" fillId="0" borderId="0" xfId="4" applyNumberFormat="1" applyFont="1" applyFill="1" applyBorder="1" applyAlignment="1">
      <alignment horizontal="right" vertical="center"/>
    </xf>
    <xf numFmtId="189" fontId="48" fillId="0" borderId="0" xfId="4" applyNumberFormat="1" applyFont="1" applyFill="1" applyBorder="1" applyAlignment="1">
      <alignment horizontal="right" vertical="center"/>
    </xf>
    <xf numFmtId="0" fontId="50" fillId="0" borderId="0" xfId="4" applyFont="1" applyFill="1"/>
    <xf numFmtId="0" fontId="51" fillId="0" borderId="0" xfId="4" applyFont="1" applyFill="1"/>
    <xf numFmtId="0" fontId="16" fillId="0" borderId="0" xfId="4" applyFont="1" applyFill="1" applyBorder="1"/>
    <xf numFmtId="0" fontId="14" fillId="0" borderId="0" xfId="4" applyFont="1" applyFill="1"/>
    <xf numFmtId="0" fontId="52" fillId="0" borderId="0" xfId="4" applyFont="1" applyFill="1"/>
    <xf numFmtId="0" fontId="53" fillId="0" borderId="0" xfId="4" applyFont="1" applyFill="1"/>
    <xf numFmtId="0" fontId="16" fillId="0" borderId="16" xfId="4" applyFont="1" applyFill="1" applyBorder="1"/>
    <xf numFmtId="0" fontId="16" fillId="0" borderId="15" xfId="4" applyFont="1" applyFill="1" applyBorder="1"/>
    <xf numFmtId="0" fontId="54" fillId="0" borderId="45" xfId="4" applyFont="1" applyFill="1" applyBorder="1" applyAlignment="1"/>
    <xf numFmtId="0" fontId="54" fillId="0" borderId="0" xfId="4" applyFont="1" applyFill="1" applyBorder="1" applyAlignment="1">
      <alignment horizontal="center"/>
    </xf>
    <xf numFmtId="0" fontId="16" fillId="0" borderId="4" xfId="4" applyFont="1" applyFill="1" applyBorder="1"/>
    <xf numFmtId="0" fontId="16" fillId="0" borderId="2" xfId="4" applyFont="1" applyFill="1" applyBorder="1"/>
    <xf numFmtId="0" fontId="16" fillId="0" borderId="7" xfId="4" applyFont="1" applyFill="1" applyBorder="1"/>
    <xf numFmtId="0" fontId="44" fillId="0" borderId="0" xfId="4" applyFont="1" applyFill="1" applyBorder="1" applyAlignment="1">
      <alignment horizontal="center"/>
    </xf>
    <xf numFmtId="0" fontId="54" fillId="0" borderId="0" xfId="4" applyFont="1" applyFill="1" applyBorder="1" applyAlignment="1">
      <alignment horizontal="left"/>
    </xf>
    <xf numFmtId="0" fontId="54" fillId="0" borderId="5" xfId="4" applyFont="1" applyFill="1" applyBorder="1" applyAlignment="1">
      <alignment horizontal="center"/>
    </xf>
    <xf numFmtId="0" fontId="54" fillId="0" borderId="3" xfId="4" applyFont="1" applyFill="1" applyBorder="1" applyAlignment="1">
      <alignment horizontal="center"/>
    </xf>
    <xf numFmtId="0" fontId="54" fillId="0" borderId="6" xfId="4" applyFont="1" applyFill="1" applyBorder="1" applyAlignment="1">
      <alignment horizontal="center"/>
    </xf>
    <xf numFmtId="0" fontId="54" fillId="0" borderId="4" xfId="4" applyFont="1" applyFill="1" applyBorder="1" applyAlignment="1">
      <alignment horizontal="center"/>
    </xf>
    <xf numFmtId="0" fontId="44" fillId="0" borderId="1" xfId="4" applyFont="1" applyFill="1" applyBorder="1" applyAlignment="1">
      <alignment horizontal="center"/>
    </xf>
    <xf numFmtId="0" fontId="54" fillId="0" borderId="1" xfId="4" applyFont="1" applyFill="1" applyBorder="1" applyAlignment="1">
      <alignment horizontal="center"/>
    </xf>
    <xf numFmtId="0" fontId="55" fillId="0" borderId="2" xfId="4" applyFont="1" applyFill="1" applyBorder="1" applyAlignment="1">
      <alignment horizontal="right"/>
    </xf>
    <xf numFmtId="0" fontId="55" fillId="0" borderId="3" xfId="4" applyFont="1" applyFill="1" applyBorder="1"/>
    <xf numFmtId="0" fontId="16" fillId="0" borderId="2" xfId="4" applyFont="1" applyFill="1" applyBorder="1" applyAlignment="1">
      <alignment horizontal="right"/>
    </xf>
    <xf numFmtId="0" fontId="16" fillId="0" borderId="4" xfId="4" applyFont="1" applyFill="1" applyBorder="1" applyAlignment="1">
      <alignment horizontal="right"/>
    </xf>
    <xf numFmtId="0" fontId="16" fillId="0" borderId="3" xfId="4" applyFont="1" applyFill="1" applyBorder="1" applyAlignment="1">
      <alignment horizontal="right"/>
    </xf>
    <xf numFmtId="0" fontId="16" fillId="0" borderId="7" xfId="4" applyFont="1" applyFill="1" applyBorder="1" applyAlignment="1">
      <alignment horizontal="right"/>
    </xf>
    <xf numFmtId="0" fontId="16" fillId="0" borderId="6" xfId="4" applyFont="1" applyFill="1" applyBorder="1" applyAlignment="1">
      <alignment horizontal="center"/>
    </xf>
    <xf numFmtId="38" fontId="44" fillId="0" borderId="5" xfId="2" applyNumberFormat="1" applyFont="1" applyFill="1" applyBorder="1" applyAlignment="1">
      <alignment horizontal="right"/>
    </xf>
    <xf numFmtId="38" fontId="16" fillId="0" borderId="32" xfId="2" applyFont="1" applyFill="1" applyBorder="1"/>
    <xf numFmtId="0" fontId="55" fillId="0" borderId="31" xfId="4" applyFont="1" applyFill="1" applyBorder="1"/>
    <xf numFmtId="0" fontId="55" fillId="0" borderId="1" xfId="4" applyFont="1" applyFill="1" applyBorder="1"/>
    <xf numFmtId="38" fontId="16" fillId="0" borderId="46" xfId="2" applyFont="1" applyFill="1" applyBorder="1"/>
    <xf numFmtId="38" fontId="16" fillId="0" borderId="31" xfId="2" applyFont="1" applyFill="1" applyBorder="1"/>
    <xf numFmtId="0" fontId="16" fillId="0" borderId="6" xfId="4" applyFont="1" applyFill="1" applyBorder="1"/>
    <xf numFmtId="38" fontId="16" fillId="0" borderId="5" xfId="2" applyFont="1" applyFill="1" applyBorder="1"/>
    <xf numFmtId="0" fontId="44" fillId="0" borderId="1" xfId="4" applyFont="1" applyFill="1" applyBorder="1"/>
    <xf numFmtId="0" fontId="16" fillId="0" borderId="1" xfId="4" applyFont="1" applyFill="1" applyBorder="1" applyAlignment="1">
      <alignment horizontal="center"/>
    </xf>
    <xf numFmtId="38" fontId="16" fillId="0" borderId="5" xfId="2" applyFont="1" applyFill="1" applyBorder="1" applyAlignment="1">
      <alignment horizontal="right"/>
    </xf>
    <xf numFmtId="0" fontId="16" fillId="0" borderId="1" xfId="4" applyFont="1" applyFill="1" applyBorder="1"/>
    <xf numFmtId="0" fontId="44" fillId="0" borderId="31" xfId="4" applyFont="1" applyFill="1" applyBorder="1"/>
    <xf numFmtId="38" fontId="16" fillId="0" borderId="32" xfId="2" applyFont="1" applyFill="1" applyBorder="1" applyAlignment="1">
      <alignment horizontal="right"/>
    </xf>
    <xf numFmtId="38" fontId="16" fillId="0" borderId="34" xfId="2" applyFont="1" applyFill="1" applyBorder="1"/>
    <xf numFmtId="0" fontId="55" fillId="0" borderId="1" xfId="4" applyFont="1" applyFill="1" applyBorder="1" applyAlignment="1">
      <alignment horizontal="center"/>
    </xf>
    <xf numFmtId="38" fontId="16" fillId="0" borderId="36" xfId="2" applyFont="1" applyFill="1" applyBorder="1"/>
    <xf numFmtId="38" fontId="16" fillId="0" borderId="35" xfId="2" applyFont="1" applyFill="1" applyBorder="1"/>
    <xf numFmtId="38" fontId="16" fillId="0" borderId="35" xfId="2" applyFont="1" applyFill="1" applyBorder="1" applyAlignment="1">
      <alignment horizontal="right"/>
    </xf>
    <xf numFmtId="38" fontId="16" fillId="0" borderId="43" xfId="2" applyFont="1" applyFill="1" applyBorder="1"/>
    <xf numFmtId="38" fontId="16" fillId="0" borderId="1" xfId="2" applyFont="1" applyFill="1" applyBorder="1" applyAlignment="1">
      <alignment horizontal="right"/>
    </xf>
    <xf numFmtId="38" fontId="16" fillId="0" borderId="3" xfId="2" applyFont="1" applyFill="1" applyBorder="1"/>
    <xf numFmtId="0" fontId="44" fillId="0" borderId="3" xfId="4" applyFont="1" applyFill="1" applyBorder="1"/>
    <xf numFmtId="38" fontId="16" fillId="0" borderId="4" xfId="2" applyFont="1" applyFill="1" applyBorder="1"/>
    <xf numFmtId="0" fontId="16" fillId="0" borderId="13" xfId="4" applyFont="1" applyFill="1" applyBorder="1"/>
    <xf numFmtId="38" fontId="16" fillId="0" borderId="17" xfId="2" applyFont="1" applyFill="1" applyBorder="1"/>
    <xf numFmtId="0" fontId="44" fillId="0" borderId="11" xfId="4" applyFont="1" applyFill="1" applyBorder="1"/>
    <xf numFmtId="38" fontId="16" fillId="0" borderId="11" xfId="2" applyFont="1" applyFill="1" applyBorder="1" applyAlignment="1">
      <alignment horizontal="right"/>
    </xf>
    <xf numFmtId="0" fontId="55" fillId="0" borderId="15" xfId="4" applyFont="1" applyFill="1" applyBorder="1" applyAlignment="1">
      <alignment horizontal="right"/>
    </xf>
    <xf numFmtId="0" fontId="55" fillId="0" borderId="6" xfId="4" applyFont="1" applyFill="1" applyBorder="1"/>
    <xf numFmtId="0" fontId="16" fillId="0" borderId="0" xfId="4" applyFont="1" applyFill="1" applyBorder="1" applyAlignment="1">
      <alignment horizontal="right"/>
    </xf>
    <xf numFmtId="0" fontId="16" fillId="0" borderId="5" xfId="4" applyFont="1" applyFill="1" applyBorder="1" applyAlignment="1">
      <alignment horizontal="right"/>
    </xf>
    <xf numFmtId="0" fontId="16" fillId="0" borderId="1" xfId="4" applyFont="1" applyFill="1" applyBorder="1" applyAlignment="1">
      <alignment horizontal="right"/>
    </xf>
    <xf numFmtId="0" fontId="16" fillId="0" borderId="6" xfId="4" applyFont="1" applyFill="1" applyBorder="1" applyAlignment="1">
      <alignment horizontal="right"/>
    </xf>
    <xf numFmtId="38" fontId="44" fillId="0" borderId="1" xfId="2" quotePrefix="1" applyFont="1" applyFill="1" applyBorder="1" applyAlignment="1">
      <alignment vertical="center"/>
    </xf>
    <xf numFmtId="0" fontId="44" fillId="0" borderId="6" xfId="4" applyFont="1" applyFill="1" applyBorder="1" applyAlignment="1">
      <alignment horizontal="center" vertical="center"/>
    </xf>
    <xf numFmtId="38" fontId="44" fillId="0" borderId="1" xfId="2" applyFont="1" applyFill="1" applyBorder="1" applyAlignment="1">
      <alignment vertical="center"/>
    </xf>
    <xf numFmtId="38" fontId="44" fillId="0" borderId="5" xfId="2" applyFont="1" applyFill="1" applyBorder="1" applyAlignment="1">
      <alignment vertical="center"/>
    </xf>
    <xf numFmtId="0" fontId="55" fillId="0" borderId="0" xfId="4" applyFont="1" applyFill="1"/>
    <xf numFmtId="38" fontId="54" fillId="0" borderId="31" xfId="2" quotePrefix="1" applyFont="1" applyFill="1" applyBorder="1" applyAlignment="1">
      <alignment vertical="center"/>
    </xf>
    <xf numFmtId="0" fontId="9" fillId="0" borderId="31" xfId="4" applyFill="1" applyBorder="1" applyAlignment="1">
      <alignment vertical="center"/>
    </xf>
    <xf numFmtId="38" fontId="54" fillId="0" borderId="31" xfId="2" applyFont="1" applyFill="1" applyBorder="1" applyAlignment="1">
      <alignment vertical="center"/>
    </xf>
    <xf numFmtId="38" fontId="54" fillId="0" borderId="32" xfId="2" applyFont="1" applyFill="1" applyBorder="1" applyAlignment="1">
      <alignment vertical="center"/>
    </xf>
    <xf numFmtId="3" fontId="16" fillId="0" borderId="33" xfId="4" quotePrefix="1" applyNumberFormat="1" applyFont="1" applyFill="1" applyBorder="1" applyAlignment="1">
      <alignment horizontal="right"/>
    </xf>
    <xf numFmtId="0" fontId="44" fillId="0" borderId="34" xfId="4" applyFont="1" applyFill="1" applyBorder="1"/>
    <xf numFmtId="3" fontId="16" fillId="0" borderId="5" xfId="4" quotePrefix="1" applyNumberFormat="1" applyFont="1" applyFill="1" applyBorder="1" applyAlignment="1">
      <alignment horizontal="right"/>
    </xf>
    <xf numFmtId="3" fontId="16" fillId="0" borderId="32" xfId="4" quotePrefix="1" applyNumberFormat="1" applyFont="1" applyFill="1" applyBorder="1" applyAlignment="1">
      <alignment horizontal="right"/>
    </xf>
    <xf numFmtId="38" fontId="16" fillId="0" borderId="31" xfId="2" applyFont="1" applyFill="1" applyBorder="1" applyAlignment="1">
      <alignment horizontal="right"/>
    </xf>
    <xf numFmtId="38" fontId="16" fillId="0" borderId="32" xfId="2" quotePrefix="1" applyFont="1" applyFill="1" applyBorder="1" applyAlignment="1">
      <alignment horizontal="right"/>
    </xf>
    <xf numFmtId="3" fontId="16" fillId="0" borderId="35" xfId="4" quotePrefix="1" applyNumberFormat="1" applyFont="1" applyFill="1" applyBorder="1" applyAlignment="1">
      <alignment horizontal="right"/>
    </xf>
    <xf numFmtId="0" fontId="44" fillId="0" borderId="36" xfId="4" applyFont="1" applyFill="1" applyBorder="1" applyAlignment="1"/>
    <xf numFmtId="38" fontId="16" fillId="0" borderId="36" xfId="2" applyFont="1" applyFill="1" applyBorder="1" applyAlignment="1">
      <alignment horizontal="right"/>
    </xf>
    <xf numFmtId="3" fontId="16" fillId="0" borderId="44" xfId="4" quotePrefix="1" applyNumberFormat="1" applyFont="1" applyFill="1" applyBorder="1" applyAlignment="1">
      <alignment horizontal="right"/>
    </xf>
    <xf numFmtId="0" fontId="44" fillId="0" borderId="8" xfId="4" applyFont="1" applyFill="1" applyBorder="1" applyAlignment="1">
      <alignment horizontal="center"/>
    </xf>
    <xf numFmtId="38" fontId="16" fillId="0" borderId="43" xfId="2" applyFont="1" applyFill="1" applyBorder="1" applyAlignment="1">
      <alignment horizontal="right"/>
    </xf>
    <xf numFmtId="38" fontId="16" fillId="0" borderId="44" xfId="2" applyFont="1" applyFill="1" applyBorder="1" applyAlignment="1">
      <alignment horizontal="right"/>
    </xf>
    <xf numFmtId="3" fontId="16" fillId="0" borderId="4" xfId="4" quotePrefix="1" applyNumberFormat="1" applyFont="1" applyFill="1" applyBorder="1" applyAlignment="1">
      <alignment horizontal="right"/>
    </xf>
    <xf numFmtId="0" fontId="44" fillId="0" borderId="1" xfId="4" applyFont="1" applyFill="1" applyBorder="1" applyAlignment="1"/>
    <xf numFmtId="38" fontId="16" fillId="0" borderId="1" xfId="2" quotePrefix="1" applyFont="1" applyFill="1" applyBorder="1" applyAlignment="1">
      <alignment horizontal="right"/>
    </xf>
    <xf numFmtId="3" fontId="16" fillId="0" borderId="17" xfId="4" quotePrefix="1" applyNumberFormat="1" applyFont="1" applyFill="1" applyBorder="1" applyAlignment="1">
      <alignment horizontal="right"/>
    </xf>
    <xf numFmtId="0" fontId="44" fillId="0" borderId="11" xfId="4" applyFont="1" applyFill="1" applyBorder="1" applyAlignment="1"/>
    <xf numFmtId="38" fontId="16" fillId="0" borderId="17" xfId="2" applyFont="1" applyFill="1" applyBorder="1" applyAlignment="1">
      <alignment horizontal="right"/>
    </xf>
    <xf numFmtId="0" fontId="16" fillId="0" borderId="0" xfId="4" applyFont="1" applyFill="1" applyAlignment="1">
      <alignment horizontal="left"/>
    </xf>
    <xf numFmtId="0" fontId="17" fillId="0" borderId="0" xfId="4" applyFont="1" applyFill="1"/>
    <xf numFmtId="180" fontId="17" fillId="0" borderId="0" xfId="4" applyNumberFormat="1" applyFont="1" applyFill="1"/>
    <xf numFmtId="180" fontId="16" fillId="0" borderId="0" xfId="4" applyNumberFormat="1" applyFont="1" applyFill="1"/>
    <xf numFmtId="0" fontId="56" fillId="0" borderId="0" xfId="4" applyFont="1" applyFill="1"/>
    <xf numFmtId="0" fontId="17" fillId="0" borderId="16" xfId="4" applyFont="1" applyFill="1" applyBorder="1"/>
    <xf numFmtId="0" fontId="17" fillId="0" borderId="47" xfId="4" applyFont="1" applyFill="1" applyBorder="1"/>
    <xf numFmtId="0" fontId="57" fillId="0" borderId="48" xfId="4" applyFont="1" applyFill="1" applyBorder="1"/>
    <xf numFmtId="0" fontId="58" fillId="0" borderId="0" xfId="4" applyFont="1" applyFill="1" applyBorder="1"/>
    <xf numFmtId="0" fontId="58" fillId="0" borderId="45" xfId="4" applyFont="1" applyFill="1" applyBorder="1"/>
    <xf numFmtId="0" fontId="58" fillId="0" borderId="0" xfId="4" applyFont="1" applyFill="1" applyBorder="1" applyAlignment="1">
      <alignment horizontal="left"/>
    </xf>
    <xf numFmtId="0" fontId="4" fillId="0" borderId="4" xfId="4" applyFont="1" applyFill="1" applyBorder="1"/>
    <xf numFmtId="0" fontId="4" fillId="0" borderId="2" xfId="4" applyFont="1" applyFill="1" applyBorder="1"/>
    <xf numFmtId="0" fontId="4" fillId="0" borderId="7" xfId="4" applyFont="1" applyFill="1" applyBorder="1"/>
    <xf numFmtId="0" fontId="58" fillId="0" borderId="5" xfId="4" applyFont="1" applyFill="1" applyBorder="1" applyAlignment="1">
      <alignment horizontal="center"/>
    </xf>
    <xf numFmtId="0" fontId="58" fillId="0" borderId="3" xfId="4" applyFont="1" applyFill="1" applyBorder="1" applyAlignment="1">
      <alignment horizontal="center"/>
    </xf>
    <xf numFmtId="0" fontId="58" fillId="0" borderId="6" xfId="4" applyFont="1" applyFill="1" applyBorder="1" applyAlignment="1">
      <alignment horizontal="center"/>
    </xf>
    <xf numFmtId="0" fontId="58" fillId="0" borderId="4" xfId="4" applyFont="1" applyFill="1" applyBorder="1" applyAlignment="1">
      <alignment horizontal="center"/>
    </xf>
    <xf numFmtId="0" fontId="21" fillId="0" borderId="49" xfId="4" applyFont="1" applyFill="1" applyBorder="1" applyAlignment="1">
      <alignment horizontal="left"/>
    </xf>
    <xf numFmtId="0" fontId="58" fillId="0" borderId="0" xfId="4" applyFont="1" applyFill="1" applyBorder="1" applyAlignment="1">
      <alignment horizontal="center"/>
    </xf>
    <xf numFmtId="0" fontId="58" fillId="0" borderId="1" xfId="4" applyFont="1" applyFill="1" applyBorder="1" applyAlignment="1">
      <alignment horizontal="center"/>
    </xf>
    <xf numFmtId="0" fontId="17" fillId="0" borderId="7" xfId="4" applyFont="1" applyFill="1" applyBorder="1"/>
    <xf numFmtId="0" fontId="17" fillId="0" borderId="50" xfId="4" applyFont="1" applyFill="1" applyBorder="1" applyAlignment="1">
      <alignment horizontal="right"/>
    </xf>
    <xf numFmtId="0" fontId="57" fillId="0" borderId="51" xfId="4" applyFont="1" applyFill="1" applyBorder="1"/>
    <xf numFmtId="0" fontId="17" fillId="0" borderId="2" xfId="4" applyFont="1" applyFill="1" applyBorder="1"/>
    <xf numFmtId="0" fontId="17" fillId="0" borderId="4" xfId="4" applyFont="1" applyFill="1" applyBorder="1" applyAlignment="1">
      <alignment horizontal="right"/>
    </xf>
    <xf numFmtId="0" fontId="17" fillId="0" borderId="3" xfId="4" applyFont="1" applyFill="1" applyBorder="1" applyAlignment="1">
      <alignment horizontal="right"/>
    </xf>
    <xf numFmtId="0" fontId="17" fillId="0" borderId="7" xfId="4" applyFont="1" applyFill="1" applyBorder="1" applyAlignment="1">
      <alignment horizontal="right"/>
    </xf>
    <xf numFmtId="0" fontId="17" fillId="0" borderId="2" xfId="4" applyFont="1" applyFill="1" applyBorder="1" applyAlignment="1">
      <alignment horizontal="right"/>
    </xf>
    <xf numFmtId="0" fontId="17" fillId="0" borderId="6" xfId="4" applyFont="1" applyFill="1" applyBorder="1" applyAlignment="1">
      <alignment horizontal="center"/>
    </xf>
    <xf numFmtId="38" fontId="21" fillId="0" borderId="52" xfId="2" applyFont="1" applyFill="1" applyBorder="1"/>
    <xf numFmtId="0" fontId="21" fillId="0" borderId="49" xfId="4" applyFont="1" applyFill="1" applyBorder="1" applyAlignment="1">
      <alignment horizontal="center"/>
    </xf>
    <xf numFmtId="0" fontId="13" fillId="0" borderId="0" xfId="4" applyFont="1" applyFill="1" applyBorder="1" applyAlignment="1">
      <alignment horizontal="center"/>
    </xf>
    <xf numFmtId="38" fontId="21" fillId="0" borderId="5" xfId="2" applyFont="1" applyFill="1" applyBorder="1"/>
    <xf numFmtId="0" fontId="59" fillId="0" borderId="6" xfId="4" applyFont="1" applyFill="1" applyBorder="1" applyAlignment="1">
      <alignment horizontal="center"/>
    </xf>
    <xf numFmtId="38" fontId="17" fillId="0" borderId="52" xfId="2" applyFont="1" applyFill="1" applyBorder="1"/>
    <xf numFmtId="0" fontId="57" fillId="0" borderId="53" xfId="4" applyFont="1" applyFill="1" applyBorder="1"/>
    <xf numFmtId="38" fontId="17" fillId="0" borderId="5" xfId="2" applyFont="1" applyFill="1" applyBorder="1"/>
    <xf numFmtId="38" fontId="17" fillId="0" borderId="32" xfId="2" applyFont="1" applyFill="1" applyBorder="1"/>
    <xf numFmtId="38" fontId="17" fillId="0" borderId="31" xfId="2" applyFont="1" applyFill="1" applyBorder="1"/>
    <xf numFmtId="38" fontId="17" fillId="0" borderId="46" xfId="2" applyFont="1" applyFill="1" applyBorder="1"/>
    <xf numFmtId="38" fontId="17" fillId="0" borderId="54" xfId="2" applyFont="1" applyFill="1" applyBorder="1"/>
    <xf numFmtId="0" fontId="21" fillId="0" borderId="49" xfId="4" applyFont="1" applyFill="1" applyBorder="1" applyAlignment="1"/>
    <xf numFmtId="38" fontId="17" fillId="0" borderId="34" xfId="2" applyFont="1" applyFill="1" applyBorder="1"/>
    <xf numFmtId="38" fontId="17" fillId="0" borderId="33" xfId="2" applyFont="1" applyFill="1" applyBorder="1"/>
    <xf numFmtId="38" fontId="59" fillId="0" borderId="6" xfId="2" applyFont="1" applyFill="1" applyBorder="1" applyAlignment="1">
      <alignment horizontal="center"/>
    </xf>
    <xf numFmtId="0" fontId="21" fillId="0" borderId="49" xfId="4" applyFont="1" applyFill="1" applyBorder="1"/>
    <xf numFmtId="38" fontId="17" fillId="0" borderId="1" xfId="2" applyFont="1" applyFill="1" applyBorder="1"/>
    <xf numFmtId="38" fontId="17" fillId="0" borderId="1" xfId="2" applyFont="1" applyFill="1" applyBorder="1" applyAlignment="1">
      <alignment horizontal="right"/>
    </xf>
    <xf numFmtId="0" fontId="59" fillId="0" borderId="6" xfId="4" quotePrefix="1" applyFont="1" applyFill="1" applyBorder="1" applyAlignment="1">
      <alignment horizontal="center"/>
    </xf>
    <xf numFmtId="38" fontId="17" fillId="0" borderId="55" xfId="2" applyFont="1" applyFill="1" applyBorder="1"/>
    <xf numFmtId="0" fontId="21" fillId="0" borderId="53" xfId="4" applyFont="1" applyFill="1" applyBorder="1"/>
    <xf numFmtId="38" fontId="17" fillId="0" borderId="31" xfId="2" applyFont="1" applyFill="1" applyBorder="1" applyAlignment="1">
      <alignment horizontal="right"/>
    </xf>
    <xf numFmtId="0" fontId="17" fillId="0" borderId="6" xfId="4" applyFont="1" applyFill="1" applyBorder="1"/>
    <xf numFmtId="38" fontId="17" fillId="0" borderId="56" xfId="2" applyFont="1" applyFill="1" applyBorder="1"/>
    <xf numFmtId="0" fontId="21" fillId="0" borderId="53" xfId="4" applyFont="1" applyFill="1" applyBorder="1" applyAlignment="1">
      <alignment horizontal="center"/>
    </xf>
    <xf numFmtId="38" fontId="17" fillId="0" borderId="36" xfId="2" applyFont="1" applyFill="1" applyBorder="1"/>
    <xf numFmtId="38" fontId="17" fillId="0" borderId="36" xfId="2" applyFont="1" applyFill="1" applyBorder="1" applyAlignment="1">
      <alignment horizontal="right"/>
    </xf>
    <xf numFmtId="38" fontId="17" fillId="0" borderId="35" xfId="2" applyFont="1" applyFill="1" applyBorder="1"/>
    <xf numFmtId="0" fontId="17" fillId="0" borderId="10" xfId="4" applyFont="1" applyFill="1" applyBorder="1"/>
    <xf numFmtId="38" fontId="17" fillId="0" borderId="45" xfId="2" applyFont="1" applyFill="1" applyBorder="1"/>
    <xf numFmtId="0" fontId="21" fillId="0" borderId="57" xfId="4" applyFont="1" applyFill="1" applyBorder="1" applyAlignment="1">
      <alignment horizontal="center"/>
    </xf>
    <xf numFmtId="38" fontId="17" fillId="0" borderId="44" xfId="2" applyFont="1" applyFill="1" applyBorder="1" applyAlignment="1">
      <alignment horizontal="right"/>
    </xf>
    <xf numFmtId="38" fontId="17" fillId="0" borderId="43" xfId="2" applyFont="1" applyFill="1" applyBorder="1" applyAlignment="1">
      <alignment horizontal="right"/>
    </xf>
    <xf numFmtId="38" fontId="17" fillId="0" borderId="58" xfId="2" applyFont="1" applyFill="1" applyBorder="1" applyAlignment="1">
      <alignment horizontal="right"/>
    </xf>
    <xf numFmtId="0" fontId="60" fillId="0" borderId="6" xfId="4" applyFont="1" applyFill="1" applyBorder="1" applyAlignment="1">
      <alignment horizontal="center"/>
    </xf>
    <xf numFmtId="38" fontId="17" fillId="0" borderId="0" xfId="2" applyFont="1" applyFill="1" applyBorder="1" applyAlignment="1">
      <alignment horizontal="right"/>
    </xf>
    <xf numFmtId="38" fontId="17" fillId="0" borderId="34" xfId="2" applyFont="1" applyFill="1" applyBorder="1" applyAlignment="1">
      <alignment horizontal="right"/>
    </xf>
    <xf numFmtId="38" fontId="17" fillId="0" borderId="5" xfId="2" applyFont="1" applyFill="1" applyBorder="1" applyAlignment="1">
      <alignment horizontal="right"/>
    </xf>
    <xf numFmtId="38" fontId="17" fillId="0" borderId="6" xfId="2" applyFont="1" applyFill="1" applyBorder="1" applyAlignment="1">
      <alignment horizontal="right"/>
    </xf>
    <xf numFmtId="38" fontId="17" fillId="0" borderId="32" xfId="2" applyFont="1" applyFill="1" applyBorder="1" applyAlignment="1">
      <alignment horizontal="right"/>
    </xf>
    <xf numFmtId="38" fontId="17" fillId="0" borderId="46" xfId="2" applyFont="1" applyFill="1" applyBorder="1" applyAlignment="1">
      <alignment horizontal="right"/>
    </xf>
    <xf numFmtId="0" fontId="59" fillId="0" borderId="6" xfId="4" applyFont="1" applyFill="1" applyBorder="1"/>
    <xf numFmtId="38" fontId="17" fillId="0" borderId="33" xfId="2" applyFont="1" applyFill="1" applyBorder="1" applyAlignment="1">
      <alignment horizontal="right"/>
    </xf>
    <xf numFmtId="38" fontId="17" fillId="0" borderId="35" xfId="2" applyFont="1" applyFill="1" applyBorder="1" applyAlignment="1">
      <alignment horizontal="right"/>
    </xf>
    <xf numFmtId="38" fontId="17" fillId="0" borderId="60" xfId="2" applyFont="1" applyFill="1" applyBorder="1" applyAlignment="1">
      <alignment horizontal="right"/>
    </xf>
    <xf numFmtId="0" fontId="59" fillId="0" borderId="8" xfId="4" applyFont="1" applyFill="1" applyBorder="1"/>
    <xf numFmtId="38" fontId="17" fillId="0" borderId="61" xfId="2" applyFont="1" applyFill="1" applyBorder="1" applyAlignment="1">
      <alignment horizontal="right"/>
    </xf>
    <xf numFmtId="0" fontId="60" fillId="0" borderId="3" xfId="4" applyFont="1" applyFill="1" applyBorder="1" applyAlignment="1">
      <alignment horizontal="center"/>
    </xf>
    <xf numFmtId="0" fontId="17" fillId="0" borderId="7" xfId="4" applyFont="1" applyFill="1" applyBorder="1" applyAlignment="1">
      <alignment horizontal="center"/>
    </xf>
    <xf numFmtId="0" fontId="13" fillId="0" borderId="7" xfId="4" applyFont="1" applyFill="1" applyBorder="1" applyAlignment="1">
      <alignment horizontal="center"/>
    </xf>
    <xf numFmtId="38" fontId="17" fillId="0" borderId="45" xfId="2" applyFont="1" applyFill="1" applyBorder="1" applyAlignment="1">
      <alignment horizontal="right"/>
    </xf>
    <xf numFmtId="38" fontId="17" fillId="0" borderId="55" xfId="2" applyFont="1" applyFill="1" applyBorder="1" applyAlignment="1">
      <alignment horizontal="right"/>
    </xf>
    <xf numFmtId="38" fontId="17" fillId="0" borderId="56" xfId="2" applyFont="1" applyFill="1" applyBorder="1" applyAlignment="1">
      <alignment horizontal="right"/>
    </xf>
    <xf numFmtId="0" fontId="59" fillId="0" borderId="10" xfId="4" applyFont="1" applyFill="1" applyBorder="1"/>
    <xf numFmtId="38" fontId="17" fillId="0" borderId="62" xfId="2" applyFont="1" applyFill="1" applyBorder="1" applyAlignment="1">
      <alignment horizontal="right"/>
    </xf>
    <xf numFmtId="38" fontId="17" fillId="0" borderId="63" xfId="2" applyFont="1" applyFill="1" applyBorder="1" applyAlignment="1">
      <alignment horizontal="right"/>
    </xf>
    <xf numFmtId="0" fontId="21" fillId="0" borderId="64" xfId="4" applyFont="1" applyFill="1" applyBorder="1" applyAlignment="1">
      <alignment horizontal="center"/>
    </xf>
    <xf numFmtId="0" fontId="59" fillId="0" borderId="13" xfId="4" applyFont="1" applyFill="1" applyBorder="1"/>
    <xf numFmtId="38" fontId="17" fillId="0" borderId="65" xfId="2" applyFont="1" applyFill="1" applyBorder="1" applyAlignment="1">
      <alignment horizontal="right"/>
    </xf>
    <xf numFmtId="38" fontId="17" fillId="0" borderId="37" xfId="2" applyFont="1" applyFill="1" applyBorder="1" applyAlignment="1">
      <alignment horizontal="right"/>
    </xf>
    <xf numFmtId="38" fontId="17" fillId="0" borderId="66" xfId="2" applyFont="1" applyFill="1" applyBorder="1" applyAlignment="1">
      <alignment horizontal="right"/>
    </xf>
    <xf numFmtId="0" fontId="17" fillId="0" borderId="16" xfId="4" applyFont="1" applyFill="1" applyBorder="1" applyAlignment="1">
      <alignment horizontal="right"/>
    </xf>
    <xf numFmtId="0" fontId="17" fillId="0" borderId="0" xfId="4" applyFont="1" applyFill="1" applyBorder="1"/>
    <xf numFmtId="0" fontId="59" fillId="0" borderId="0" xfId="4" applyFont="1" applyFill="1"/>
    <xf numFmtId="0" fontId="9" fillId="0" borderId="15" xfId="4" applyFill="1" applyBorder="1"/>
    <xf numFmtId="0" fontId="61" fillId="0" borderId="0" xfId="4" applyFont="1" applyFill="1" applyBorder="1" applyAlignment="1">
      <alignment horizontal="left"/>
    </xf>
    <xf numFmtId="0" fontId="61" fillId="0" borderId="0" xfId="4" applyFont="1" applyFill="1" applyBorder="1" applyAlignment="1">
      <alignment horizontal="center"/>
    </xf>
    <xf numFmtId="0" fontId="61" fillId="0" borderId="1" xfId="4" applyFont="1" applyFill="1" applyBorder="1"/>
    <xf numFmtId="0" fontId="61" fillId="0" borderId="0" xfId="4" applyFont="1" applyFill="1" applyBorder="1"/>
    <xf numFmtId="0" fontId="61" fillId="0" borderId="4" xfId="4" applyFont="1" applyFill="1" applyBorder="1"/>
    <xf numFmtId="0" fontId="61" fillId="0" borderId="2" xfId="4" applyFont="1" applyFill="1" applyBorder="1" applyAlignment="1">
      <alignment horizontal="center"/>
    </xf>
    <xf numFmtId="0" fontId="61" fillId="0" borderId="2" xfId="4" applyFont="1" applyFill="1" applyBorder="1"/>
    <xf numFmtId="0" fontId="61" fillId="0" borderId="7" xfId="4" applyFont="1" applyFill="1" applyBorder="1"/>
    <xf numFmtId="0" fontId="9" fillId="0" borderId="9" xfId="4" applyFill="1" applyBorder="1"/>
    <xf numFmtId="0" fontId="61" fillId="0" borderId="9" xfId="4" applyFont="1" applyFill="1" applyBorder="1" applyAlignment="1">
      <alignment horizontal="center"/>
    </xf>
    <xf numFmtId="0" fontId="49" fillId="0" borderId="8" xfId="4" applyFont="1" applyFill="1" applyBorder="1"/>
    <xf numFmtId="0" fontId="61" fillId="0" borderId="28" xfId="4" applyFont="1" applyFill="1" applyBorder="1" applyAlignment="1">
      <alignment horizontal="center"/>
    </xf>
    <xf numFmtId="0" fontId="61" fillId="0" borderId="14" xfId="4" applyFont="1" applyFill="1" applyBorder="1" applyAlignment="1">
      <alignment horizontal="center"/>
    </xf>
    <xf numFmtId="0" fontId="61" fillId="0" borderId="10" xfId="4" applyFont="1" applyFill="1" applyBorder="1" applyAlignment="1">
      <alignment horizontal="center"/>
    </xf>
    <xf numFmtId="0" fontId="9" fillId="0" borderId="5" xfId="4" applyFill="1" applyBorder="1" applyAlignment="1">
      <alignment horizontal="right"/>
    </xf>
    <xf numFmtId="0" fontId="49" fillId="0" borderId="1" xfId="4" applyFont="1" applyFill="1" applyBorder="1"/>
    <xf numFmtId="0" fontId="9" fillId="0" borderId="6" xfId="4" applyFill="1" applyBorder="1" applyAlignment="1">
      <alignment horizontal="right"/>
    </xf>
    <xf numFmtId="38" fontId="52" fillId="0" borderId="5" xfId="2" applyFont="1" applyFill="1" applyBorder="1"/>
    <xf numFmtId="0" fontId="47" fillId="0" borderId="1" xfId="4" applyFont="1" applyFill="1" applyBorder="1" applyAlignment="1">
      <alignment horizontal="center"/>
    </xf>
    <xf numFmtId="38" fontId="52" fillId="0" borderId="0" xfId="2" applyFont="1" applyFill="1" applyBorder="1"/>
    <xf numFmtId="38" fontId="52" fillId="0" borderId="1" xfId="2" applyFont="1" applyFill="1" applyBorder="1"/>
    <xf numFmtId="38" fontId="52" fillId="0" borderId="6" xfId="2" applyFont="1" applyFill="1" applyBorder="1"/>
    <xf numFmtId="38" fontId="0" fillId="0" borderId="32" xfId="2" applyFont="1" applyFill="1" applyBorder="1"/>
    <xf numFmtId="0" fontId="49" fillId="0" borderId="31" xfId="4" applyFont="1" applyFill="1" applyBorder="1"/>
    <xf numFmtId="38" fontId="0" fillId="0" borderId="39" xfId="2" applyFont="1" applyFill="1" applyBorder="1"/>
    <xf numFmtId="38" fontId="0" fillId="0" borderId="31" xfId="2" applyFont="1" applyFill="1" applyBorder="1"/>
    <xf numFmtId="38" fontId="0" fillId="0" borderId="46" xfId="2" applyFont="1" applyFill="1" applyBorder="1"/>
    <xf numFmtId="38" fontId="9" fillId="0" borderId="5" xfId="2" applyFont="1" applyFill="1" applyBorder="1"/>
    <xf numFmtId="0" fontId="47" fillId="0" borderId="1" xfId="4" applyFont="1" applyFill="1" applyBorder="1"/>
    <xf numFmtId="38" fontId="9" fillId="0" borderId="0" xfId="2" applyFont="1" applyFill="1" applyBorder="1"/>
    <xf numFmtId="38" fontId="9" fillId="0" borderId="1" xfId="2" applyFont="1" applyFill="1" applyBorder="1"/>
    <xf numFmtId="38" fontId="9" fillId="0" borderId="34" xfId="2" applyFont="1" applyFill="1" applyBorder="1"/>
    <xf numFmtId="38" fontId="9" fillId="0" borderId="33" xfId="2" applyFont="1" applyFill="1" applyBorder="1"/>
    <xf numFmtId="38" fontId="0" fillId="0" borderId="5" xfId="2" applyFont="1" applyFill="1" applyBorder="1" applyAlignment="1">
      <alignment horizontal="right"/>
    </xf>
    <xf numFmtId="38" fontId="0" fillId="0" borderId="1" xfId="2" applyFont="1" applyFill="1" applyBorder="1" applyAlignment="1">
      <alignment horizontal="right"/>
    </xf>
    <xf numFmtId="0" fontId="47" fillId="0" borderId="31" xfId="4" applyFont="1" applyFill="1" applyBorder="1"/>
    <xf numFmtId="38" fontId="9" fillId="0" borderId="39" xfId="2" applyFont="1" applyFill="1" applyBorder="1"/>
    <xf numFmtId="38" fontId="9" fillId="0" borderId="31" xfId="2" applyFont="1" applyFill="1" applyBorder="1"/>
    <xf numFmtId="38" fontId="9" fillId="0" borderId="32" xfId="2" applyFont="1" applyFill="1" applyBorder="1"/>
    <xf numFmtId="38" fontId="0" fillId="0" borderId="32" xfId="2" applyFont="1" applyFill="1" applyBorder="1" applyAlignment="1">
      <alignment horizontal="right"/>
    </xf>
    <xf numFmtId="38" fontId="0" fillId="0" borderId="31" xfId="2" applyFont="1" applyFill="1" applyBorder="1" applyAlignment="1">
      <alignment horizontal="right"/>
    </xf>
    <xf numFmtId="38" fontId="9" fillId="0" borderId="61" xfId="2" applyFont="1" applyFill="1" applyBorder="1"/>
    <xf numFmtId="38" fontId="9" fillId="0" borderId="6" xfId="2" applyFont="1" applyFill="1" applyBorder="1"/>
    <xf numFmtId="38" fontId="9" fillId="0" borderId="46" xfId="2" applyFont="1" applyFill="1" applyBorder="1"/>
    <xf numFmtId="0" fontId="47" fillId="0" borderId="34" xfId="4" applyFont="1" applyFill="1" applyBorder="1"/>
    <xf numFmtId="38" fontId="9" fillId="0" borderId="36" xfId="2" applyFont="1" applyFill="1" applyBorder="1"/>
    <xf numFmtId="0" fontId="47" fillId="0" borderId="36" xfId="4" applyFont="1" applyFill="1" applyBorder="1"/>
    <xf numFmtId="38" fontId="0" fillId="0" borderId="35" xfId="2" applyFont="1" applyFill="1" applyBorder="1" applyAlignment="1">
      <alignment horizontal="right"/>
    </xf>
    <xf numFmtId="38" fontId="0" fillId="0" borderId="36" xfId="2" applyFont="1" applyFill="1" applyBorder="1" applyAlignment="1">
      <alignment horizontal="right"/>
    </xf>
    <xf numFmtId="38" fontId="9" fillId="0" borderId="60" xfId="2" applyFont="1" applyFill="1" applyBorder="1"/>
    <xf numFmtId="38" fontId="9" fillId="0" borderId="35" xfId="2" applyFont="1" applyFill="1" applyBorder="1"/>
    <xf numFmtId="0" fontId="47" fillId="0" borderId="8" xfId="4" applyFont="1" applyFill="1" applyBorder="1" applyAlignment="1">
      <alignment horizontal="center"/>
    </xf>
    <xf numFmtId="38" fontId="0" fillId="0" borderId="10" xfId="2" applyFont="1" applyFill="1" applyBorder="1" applyAlignment="1">
      <alignment horizontal="right"/>
    </xf>
    <xf numFmtId="38" fontId="0" fillId="0" borderId="9" xfId="2" applyFont="1" applyFill="1" applyBorder="1" applyAlignment="1">
      <alignment horizontal="right"/>
    </xf>
    <xf numFmtId="38" fontId="0" fillId="0" borderId="8" xfId="2" applyFont="1" applyFill="1" applyBorder="1" applyAlignment="1">
      <alignment horizontal="right"/>
    </xf>
    <xf numFmtId="38" fontId="0" fillId="0" borderId="14" xfId="2" applyFont="1" applyFill="1" applyBorder="1" applyAlignment="1">
      <alignment horizontal="right"/>
    </xf>
    <xf numFmtId="38" fontId="0" fillId="0" borderId="43" xfId="2" applyFont="1" applyFill="1" applyBorder="1" applyAlignment="1">
      <alignment horizontal="right"/>
    </xf>
    <xf numFmtId="38" fontId="9" fillId="0" borderId="3" xfId="2" applyFont="1" applyFill="1" applyBorder="1"/>
    <xf numFmtId="0" fontId="9" fillId="0" borderId="20" xfId="4" applyFill="1" applyBorder="1" applyAlignment="1">
      <alignment horizontal="right"/>
    </xf>
    <xf numFmtId="0" fontId="49" fillId="0" borderId="15" xfId="4" applyFont="1" applyFill="1" applyBorder="1"/>
    <xf numFmtId="0" fontId="9" fillId="0" borderId="16" xfId="4" applyFill="1" applyBorder="1" applyAlignment="1">
      <alignment horizontal="right"/>
    </xf>
    <xf numFmtId="0" fontId="9" fillId="0" borderId="15" xfId="4" applyFill="1" applyBorder="1" applyAlignment="1">
      <alignment horizontal="right"/>
    </xf>
    <xf numFmtId="0" fontId="9" fillId="0" borderId="18" xfId="4" applyFill="1" applyBorder="1" applyAlignment="1">
      <alignment horizontal="right"/>
    </xf>
    <xf numFmtId="180" fontId="52" fillId="0" borderId="5" xfId="4" applyNumberFormat="1" applyFont="1" applyFill="1" applyBorder="1"/>
    <xf numFmtId="180" fontId="52" fillId="0" borderId="0" xfId="4" applyNumberFormat="1" applyFont="1" applyFill="1" applyBorder="1" applyAlignment="1">
      <alignment horizontal="right"/>
    </xf>
    <xf numFmtId="180" fontId="52" fillId="0" borderId="1" xfId="4" applyNumberFormat="1" applyFont="1" applyFill="1" applyBorder="1" applyAlignment="1">
      <alignment horizontal="right"/>
    </xf>
    <xf numFmtId="180" fontId="52" fillId="0" borderId="5" xfId="4" applyNumberFormat="1" applyFont="1" applyFill="1" applyBorder="1" applyAlignment="1">
      <alignment horizontal="right"/>
    </xf>
    <xf numFmtId="180" fontId="52" fillId="0" borderId="1" xfId="4" applyNumberFormat="1" applyFont="1" applyFill="1" applyBorder="1"/>
    <xf numFmtId="180" fontId="52" fillId="0" borderId="0" xfId="4" applyNumberFormat="1" applyFont="1" applyFill="1" applyBorder="1"/>
    <xf numFmtId="180" fontId="52" fillId="0" borderId="6" xfId="4" applyNumberFormat="1" applyFont="1" applyFill="1" applyBorder="1"/>
    <xf numFmtId="180" fontId="9" fillId="0" borderId="32" xfId="4" applyNumberFormat="1" applyFill="1" applyBorder="1"/>
    <xf numFmtId="180" fontId="9" fillId="0" borderId="39" xfId="4" applyNumberFormat="1" applyFill="1" applyBorder="1"/>
    <xf numFmtId="180" fontId="9" fillId="0" borderId="31" xfId="4" applyNumberFormat="1" applyFill="1" applyBorder="1"/>
    <xf numFmtId="180" fontId="9" fillId="0" borderId="46" xfId="4" applyNumberFormat="1" applyFill="1" applyBorder="1"/>
    <xf numFmtId="180" fontId="9" fillId="0" borderId="5" xfId="4" applyNumberFormat="1" applyFill="1" applyBorder="1"/>
    <xf numFmtId="190" fontId="0" fillId="0" borderId="0" xfId="2" applyNumberFormat="1" applyFont="1" applyFill="1" applyBorder="1" applyAlignment="1">
      <alignment horizontal="right"/>
    </xf>
    <xf numFmtId="190" fontId="0" fillId="0" borderId="1" xfId="2" applyNumberFormat="1" applyFont="1" applyFill="1" applyBorder="1" applyAlignment="1">
      <alignment horizontal="right"/>
    </xf>
    <xf numFmtId="190" fontId="0" fillId="0" borderId="5" xfId="2" applyNumberFormat="1" applyFont="1" applyFill="1" applyBorder="1" applyAlignment="1">
      <alignment horizontal="right"/>
    </xf>
    <xf numFmtId="190" fontId="9" fillId="0" borderId="5" xfId="2" applyNumberFormat="1" applyFont="1" applyFill="1" applyBorder="1" applyAlignment="1">
      <alignment horizontal="right"/>
    </xf>
    <xf numFmtId="190" fontId="9" fillId="0" borderId="1" xfId="2" applyNumberFormat="1" applyFont="1" applyFill="1" applyBorder="1" applyAlignment="1">
      <alignment horizontal="right"/>
    </xf>
    <xf numFmtId="190" fontId="9" fillId="0" borderId="0" xfId="2" applyNumberFormat="1" applyFont="1" applyFill="1" applyBorder="1"/>
    <xf numFmtId="190" fontId="9" fillId="0" borderId="1" xfId="2" applyNumberFormat="1" applyFont="1" applyFill="1" applyBorder="1"/>
    <xf numFmtId="190" fontId="9" fillId="0" borderId="6" xfId="2" applyNumberFormat="1" applyFont="1" applyFill="1" applyBorder="1"/>
    <xf numFmtId="190" fontId="9" fillId="0" borderId="5" xfId="2" applyNumberFormat="1" applyFont="1" applyFill="1" applyBorder="1"/>
    <xf numFmtId="190" fontId="0" fillId="0" borderId="32" xfId="2" applyNumberFormat="1" applyFont="1" applyFill="1" applyBorder="1" applyAlignment="1">
      <alignment horizontal="right"/>
    </xf>
    <xf numFmtId="190" fontId="0" fillId="0" borderId="31" xfId="2" applyNumberFormat="1" applyFont="1" applyFill="1" applyBorder="1" applyAlignment="1">
      <alignment horizontal="right"/>
    </xf>
    <xf numFmtId="190" fontId="0" fillId="0" borderId="39" xfId="2" applyNumberFormat="1" applyFont="1" applyFill="1" applyBorder="1" applyAlignment="1">
      <alignment horizontal="right"/>
    </xf>
    <xf numFmtId="190" fontId="9" fillId="0" borderId="39" xfId="2" applyNumberFormat="1" applyFont="1" applyFill="1" applyBorder="1"/>
    <xf numFmtId="190" fontId="9" fillId="0" borderId="31" xfId="2" applyNumberFormat="1" applyFont="1" applyFill="1" applyBorder="1"/>
    <xf numFmtId="190" fontId="9" fillId="0" borderId="46" xfId="2" applyNumberFormat="1" applyFont="1" applyFill="1" applyBorder="1"/>
    <xf numFmtId="190" fontId="9" fillId="0" borderId="32" xfId="2" applyNumberFormat="1" applyFont="1" applyFill="1" applyBorder="1"/>
    <xf numFmtId="180" fontId="9" fillId="0" borderId="36" xfId="4" applyNumberFormat="1" applyFill="1" applyBorder="1"/>
    <xf numFmtId="190" fontId="0" fillId="0" borderId="8" xfId="2" applyNumberFormat="1" applyFont="1" applyFill="1" applyBorder="1" applyAlignment="1">
      <alignment horizontal="right"/>
    </xf>
    <xf numFmtId="190" fontId="0" fillId="0" borderId="9" xfId="2" applyNumberFormat="1" applyFont="1" applyFill="1" applyBorder="1" applyAlignment="1">
      <alignment horizontal="right"/>
    </xf>
    <xf numFmtId="190" fontId="0" fillId="0" borderId="14" xfId="2" applyNumberFormat="1" applyFont="1" applyFill="1" applyBorder="1" applyAlignment="1">
      <alignment horizontal="right"/>
    </xf>
    <xf numFmtId="190" fontId="0" fillId="0" borderId="10" xfId="2" applyNumberFormat="1" applyFont="1" applyFill="1" applyBorder="1" applyAlignment="1">
      <alignment horizontal="right"/>
    </xf>
    <xf numFmtId="0" fontId="9" fillId="0" borderId="12" xfId="4" applyFill="1" applyBorder="1"/>
    <xf numFmtId="180" fontId="9" fillId="0" borderId="11" xfId="4" applyNumberFormat="1" applyFill="1" applyBorder="1"/>
    <xf numFmtId="0" fontId="47" fillId="0" borderId="11" xfId="4" applyFont="1" applyFill="1" applyBorder="1"/>
    <xf numFmtId="190" fontId="0" fillId="0" borderId="11" xfId="2" applyNumberFormat="1" applyFont="1" applyFill="1" applyBorder="1" applyAlignment="1">
      <alignment horizontal="right"/>
    </xf>
    <xf numFmtId="190" fontId="0" fillId="0" borderId="17" xfId="2" applyNumberFormat="1" applyFont="1" applyFill="1" applyBorder="1" applyAlignment="1">
      <alignment horizontal="right"/>
    </xf>
    <xf numFmtId="190" fontId="9" fillId="0" borderId="12" xfId="2" applyNumberFormat="1" applyFont="1" applyFill="1" applyBorder="1"/>
    <xf numFmtId="190" fontId="9" fillId="0" borderId="11" xfId="2" applyNumberFormat="1" applyFont="1" applyFill="1" applyBorder="1"/>
    <xf numFmtId="190" fontId="9" fillId="0" borderId="13" xfId="2" applyNumberFormat="1" applyFont="1" applyFill="1" applyBorder="1"/>
    <xf numFmtId="190" fontId="9" fillId="0" borderId="17" xfId="2" applyNumberFormat="1" applyFont="1" applyFill="1" applyBorder="1"/>
    <xf numFmtId="0" fontId="9" fillId="0" borderId="32" xfId="4" applyFill="1" applyBorder="1"/>
    <xf numFmtId="38" fontId="9" fillId="0" borderId="44" xfId="2" applyFont="1" applyFill="1" applyBorder="1"/>
    <xf numFmtId="180" fontId="9" fillId="0" borderId="34" xfId="4" applyNumberFormat="1" applyFill="1" applyBorder="1"/>
    <xf numFmtId="180" fontId="9" fillId="0" borderId="43" xfId="4" applyNumberFormat="1" applyFill="1" applyBorder="1" applyAlignment="1">
      <alignment horizontal="right"/>
    </xf>
    <xf numFmtId="190" fontId="0" fillId="0" borderId="12" xfId="2" applyNumberFormat="1" applyFont="1" applyFill="1" applyBorder="1" applyAlignment="1">
      <alignment horizontal="right"/>
    </xf>
    <xf numFmtId="38" fontId="0" fillId="0" borderId="11" xfId="2" applyFont="1" applyFill="1" applyBorder="1" applyAlignment="1">
      <alignment horizontal="right"/>
    </xf>
    <xf numFmtId="190" fontId="0" fillId="0" borderId="36" xfId="2" applyNumberFormat="1" applyFont="1" applyFill="1" applyBorder="1" applyAlignment="1">
      <alignment horizontal="right"/>
    </xf>
    <xf numFmtId="0" fontId="62" fillId="0" borderId="0" xfId="4" applyFont="1" applyFill="1"/>
    <xf numFmtId="0" fontId="9" fillId="0" borderId="4" xfId="4" applyFill="1" applyBorder="1"/>
    <xf numFmtId="0" fontId="9" fillId="0" borderId="2" xfId="4" applyFill="1" applyBorder="1" applyAlignment="1">
      <alignment horizontal="center"/>
    </xf>
    <xf numFmtId="0" fontId="9" fillId="0" borderId="2" xfId="4" applyFill="1" applyBorder="1"/>
    <xf numFmtId="0" fontId="9" fillId="0" borderId="29" xfId="4" applyFill="1" applyBorder="1"/>
    <xf numFmtId="0" fontId="9" fillId="0" borderId="42" xfId="4" applyFill="1" applyBorder="1"/>
    <xf numFmtId="0" fontId="61" fillId="0" borderId="9" xfId="4" applyFont="1" applyFill="1" applyBorder="1"/>
    <xf numFmtId="0" fontId="61" fillId="0" borderId="3" xfId="4" applyFont="1" applyFill="1" applyBorder="1" applyAlignment="1">
      <alignment horizontal="center"/>
    </xf>
    <xf numFmtId="0" fontId="61" fillId="0" borderId="5" xfId="4" applyFont="1" applyFill="1" applyBorder="1" applyAlignment="1">
      <alignment horizontal="center"/>
    </xf>
    <xf numFmtId="0" fontId="61" fillId="0" borderId="6" xfId="4" applyFont="1" applyFill="1" applyBorder="1" applyAlignment="1">
      <alignment horizontal="center"/>
    </xf>
    <xf numFmtId="0" fontId="9" fillId="0" borderId="7" xfId="4" applyFill="1" applyBorder="1"/>
    <xf numFmtId="0" fontId="49" fillId="0" borderId="3" xfId="4" applyFont="1" applyFill="1" applyBorder="1"/>
    <xf numFmtId="0" fontId="9" fillId="0" borderId="4" xfId="4" applyFill="1" applyBorder="1" applyAlignment="1">
      <alignment horizontal="right"/>
    </xf>
    <xf numFmtId="0" fontId="9" fillId="0" borderId="7" xfId="4" applyFill="1" applyBorder="1" applyAlignment="1">
      <alignment horizontal="right"/>
    </xf>
    <xf numFmtId="0" fontId="9" fillId="0" borderId="6" xfId="4" applyFill="1" applyBorder="1" applyAlignment="1">
      <alignment horizontal="center"/>
    </xf>
    <xf numFmtId="38" fontId="47" fillId="0" borderId="5" xfId="2" applyFont="1" applyFill="1" applyBorder="1"/>
    <xf numFmtId="0" fontId="61" fillId="0" borderId="6" xfId="4" quotePrefix="1" applyFont="1" applyFill="1" applyBorder="1" applyAlignment="1">
      <alignment horizontal="center"/>
    </xf>
    <xf numFmtId="0" fontId="61" fillId="0" borderId="6" xfId="4" applyFont="1" applyFill="1" applyBorder="1"/>
    <xf numFmtId="0" fontId="61" fillId="0" borderId="13" xfId="4" applyFont="1" applyFill="1" applyBorder="1"/>
    <xf numFmtId="38" fontId="9" fillId="0" borderId="12" xfId="2" applyFont="1" applyFill="1" applyBorder="1"/>
    <xf numFmtId="0" fontId="47" fillId="0" borderId="11" xfId="4" applyFont="1" applyFill="1" applyBorder="1" applyAlignment="1">
      <alignment horizontal="center"/>
    </xf>
    <xf numFmtId="38" fontId="0" fillId="0" borderId="17" xfId="2" applyFont="1" applyFill="1" applyBorder="1" applyAlignment="1">
      <alignment horizontal="right"/>
    </xf>
    <xf numFmtId="38" fontId="0" fillId="0" borderId="37" xfId="2" applyFont="1" applyFill="1" applyBorder="1" applyAlignment="1">
      <alignment horizontal="right"/>
    </xf>
    <xf numFmtId="38" fontId="0" fillId="0" borderId="13" xfId="2" applyFont="1" applyFill="1" applyBorder="1" applyAlignment="1">
      <alignment horizontal="right"/>
    </xf>
    <xf numFmtId="38" fontId="0" fillId="0" borderId="12" xfId="2" applyFont="1" applyFill="1" applyBorder="1" applyAlignment="1">
      <alignment horizontal="right"/>
    </xf>
    <xf numFmtId="38" fontId="52" fillId="0" borderId="5" xfId="2" applyFont="1" applyFill="1" applyBorder="1" applyAlignment="1">
      <alignment horizontal="right"/>
    </xf>
    <xf numFmtId="38" fontId="0" fillId="0" borderId="39" xfId="2" applyFont="1" applyFill="1" applyBorder="1" applyAlignment="1">
      <alignment horizontal="right"/>
    </xf>
    <xf numFmtId="38" fontId="0" fillId="0" borderId="46" xfId="2" applyFont="1" applyFill="1" applyBorder="1" applyAlignment="1">
      <alignment horizontal="right"/>
    </xf>
    <xf numFmtId="38" fontId="0" fillId="0" borderId="0" xfId="2" applyFont="1" applyFill="1" applyBorder="1" applyAlignment="1">
      <alignment horizontal="right"/>
    </xf>
    <xf numFmtId="38" fontId="0" fillId="0" borderId="6" xfId="2" applyFont="1" applyFill="1" applyBorder="1" applyAlignment="1">
      <alignment horizontal="right"/>
    </xf>
    <xf numFmtId="38" fontId="0" fillId="0" borderId="34" xfId="2" applyFont="1" applyFill="1" applyBorder="1" applyAlignment="1">
      <alignment horizontal="right"/>
    </xf>
    <xf numFmtId="0" fontId="61" fillId="0" borderId="18" xfId="4" applyFont="1" applyFill="1" applyBorder="1" applyAlignment="1">
      <alignment horizontal="center" vertical="center"/>
    </xf>
    <xf numFmtId="38" fontId="52" fillId="0" borderId="16" xfId="2" applyFont="1" applyFill="1" applyBorder="1" applyAlignment="1">
      <alignment horizontal="right"/>
    </xf>
    <xf numFmtId="0" fontId="47" fillId="0" borderId="15" xfId="4" applyFont="1" applyFill="1" applyBorder="1" applyAlignment="1">
      <alignment horizontal="center"/>
    </xf>
    <xf numFmtId="38" fontId="52" fillId="0" borderId="20" xfId="2" applyFont="1" applyFill="1" applyBorder="1" applyAlignment="1">
      <alignment horizontal="right"/>
    </xf>
    <xf numFmtId="38" fontId="52" fillId="0" borderId="15" xfId="2" applyFont="1" applyFill="1" applyBorder="1" applyAlignment="1">
      <alignment horizontal="right"/>
    </xf>
    <xf numFmtId="0" fontId="61" fillId="0" borderId="6" xfId="4" applyFont="1" applyFill="1" applyBorder="1" applyAlignment="1">
      <alignment horizontal="center" vertical="center"/>
    </xf>
    <xf numFmtId="0" fontId="9" fillId="0" borderId="32" xfId="4" applyFill="1" applyBorder="1" applyAlignment="1">
      <alignment horizontal="right"/>
    </xf>
    <xf numFmtId="38" fontId="9" fillId="0" borderId="0" xfId="2" applyFont="1" applyFill="1" applyBorder="1" applyAlignment="1">
      <alignment horizontal="right"/>
    </xf>
    <xf numFmtId="38" fontId="9" fillId="0" borderId="5" xfId="2" applyFont="1" applyFill="1" applyBorder="1" applyAlignment="1">
      <alignment horizontal="right"/>
    </xf>
    <xf numFmtId="38" fontId="9" fillId="0" borderId="1" xfId="2" applyFont="1" applyFill="1" applyBorder="1" applyAlignment="1">
      <alignment horizontal="right"/>
    </xf>
    <xf numFmtId="0" fontId="61" fillId="0" borderId="6" xfId="4" applyFont="1" applyFill="1" applyBorder="1" applyAlignment="1">
      <alignment horizontal="center" vertical="top"/>
    </xf>
    <xf numFmtId="0" fontId="61" fillId="0" borderId="6" xfId="4" quotePrefix="1" applyFont="1" applyFill="1" applyBorder="1" applyAlignment="1">
      <alignment horizontal="center" vertical="top"/>
    </xf>
    <xf numFmtId="38" fontId="9" fillId="0" borderId="32" xfId="2" applyFont="1" applyFill="1" applyBorder="1" applyAlignment="1">
      <alignment horizontal="right"/>
    </xf>
    <xf numFmtId="0" fontId="61" fillId="0" borderId="6" xfId="4" applyFont="1" applyFill="1" applyBorder="1" applyAlignment="1">
      <alignment horizontal="center" textRotation="255"/>
    </xf>
    <xf numFmtId="38" fontId="9" fillId="0" borderId="31" xfId="2" applyFont="1" applyFill="1" applyBorder="1" applyAlignment="1">
      <alignment horizontal="right"/>
    </xf>
    <xf numFmtId="38" fontId="9" fillId="0" borderId="39" xfId="2" applyFont="1" applyFill="1" applyBorder="1" applyAlignment="1">
      <alignment horizontal="right"/>
    </xf>
    <xf numFmtId="0" fontId="61" fillId="0" borderId="6" xfId="4" applyFont="1" applyFill="1" applyBorder="1" applyAlignment="1">
      <alignment horizontal="center" vertical="top" textRotation="255"/>
    </xf>
    <xf numFmtId="0" fontId="61" fillId="0" borderId="1" xfId="4" applyFont="1" applyFill="1" applyBorder="1" applyAlignment="1">
      <alignment horizontal="center"/>
    </xf>
    <xf numFmtId="38" fontId="0" fillId="0" borderId="33" xfId="2" applyFont="1" applyFill="1" applyBorder="1" applyAlignment="1">
      <alignment horizontal="right"/>
    </xf>
    <xf numFmtId="38" fontId="9" fillId="0" borderId="35" xfId="2" applyFont="1" applyFill="1" applyBorder="1" applyAlignment="1">
      <alignment horizontal="right"/>
    </xf>
    <xf numFmtId="38" fontId="9" fillId="0" borderId="36" xfId="2" applyFont="1" applyFill="1" applyBorder="1" applyAlignment="1">
      <alignment horizontal="right"/>
    </xf>
    <xf numFmtId="38" fontId="9" fillId="0" borderId="40" xfId="2" applyFont="1" applyFill="1" applyBorder="1" applyAlignment="1">
      <alignment horizontal="right"/>
    </xf>
    <xf numFmtId="0" fontId="61" fillId="0" borderId="12" xfId="4" applyFont="1" applyFill="1" applyBorder="1" applyAlignment="1">
      <alignment horizontal="center" vertical="top"/>
    </xf>
    <xf numFmtId="0" fontId="61" fillId="0" borderId="13" xfId="4" applyFont="1" applyFill="1" applyBorder="1" applyAlignment="1">
      <alignment horizontal="center"/>
    </xf>
    <xf numFmtId="38" fontId="63" fillId="0" borderId="5" xfId="2" applyFont="1" applyFill="1" applyBorder="1"/>
    <xf numFmtId="38" fontId="9" fillId="0" borderId="17" xfId="2" applyFont="1" applyFill="1" applyBorder="1"/>
    <xf numFmtId="38" fontId="52" fillId="0" borderId="1" xfId="2" applyFont="1" applyFill="1" applyBorder="1" applyAlignment="1">
      <alignment horizontal="right"/>
    </xf>
    <xf numFmtId="38" fontId="52" fillId="0" borderId="0" xfId="2" applyFont="1" applyFill="1" applyBorder="1" applyAlignment="1">
      <alignment horizontal="right"/>
    </xf>
    <xf numFmtId="38" fontId="52" fillId="0" borderId="6" xfId="2" applyFont="1" applyFill="1" applyBorder="1" applyAlignment="1">
      <alignment horizontal="right"/>
    </xf>
    <xf numFmtId="38" fontId="64" fillId="0" borderId="0" xfId="2" applyFont="1" applyFill="1" applyBorder="1" applyAlignment="1">
      <alignment horizontal="right"/>
    </xf>
    <xf numFmtId="38" fontId="64" fillId="0" borderId="32" xfId="2" applyFont="1" applyFill="1" applyBorder="1" applyAlignment="1">
      <alignment horizontal="right"/>
    </xf>
    <xf numFmtId="0" fontId="9" fillId="0" borderId="16" xfId="4" applyFont="1" applyFill="1" applyBorder="1"/>
    <xf numFmtId="0" fontId="9" fillId="0" borderId="9" xfId="4" applyFont="1" applyFill="1" applyBorder="1" applyAlignment="1">
      <alignment horizontal="center"/>
    </xf>
    <xf numFmtId="0" fontId="9" fillId="0" borderId="14" xfId="4" applyFont="1" applyFill="1" applyBorder="1" applyAlignment="1">
      <alignment horizontal="center"/>
    </xf>
    <xf numFmtId="0" fontId="9" fillId="0" borderId="8" xfId="4" applyFont="1" applyFill="1" applyBorder="1" applyAlignment="1">
      <alignment horizontal="center"/>
    </xf>
    <xf numFmtId="0" fontId="39" fillId="0" borderId="0" xfId="4" quotePrefix="1" applyFont="1" applyFill="1" applyBorder="1" applyAlignment="1">
      <alignment horizontal="left"/>
    </xf>
    <xf numFmtId="0" fontId="47" fillId="0" borderId="6" xfId="4" applyFont="1" applyFill="1" applyBorder="1" applyAlignment="1">
      <alignment horizontal="left"/>
    </xf>
    <xf numFmtId="38" fontId="47" fillId="0" borderId="0" xfId="2" applyFont="1" applyFill="1" applyBorder="1"/>
    <xf numFmtId="38" fontId="47" fillId="0" borderId="1" xfId="2" applyFont="1" applyFill="1" applyBorder="1"/>
    <xf numFmtId="38" fontId="47" fillId="0" borderId="4" xfId="2" applyFont="1" applyFill="1" applyBorder="1"/>
    <xf numFmtId="0" fontId="61" fillId="0" borderId="0" xfId="4" applyFont="1" applyFill="1"/>
    <xf numFmtId="0" fontId="65" fillId="0" borderId="0" xfId="4" applyFont="1" applyFill="1" applyBorder="1"/>
    <xf numFmtId="0" fontId="65" fillId="0" borderId="6" xfId="4" quotePrefix="1" applyFont="1" applyFill="1" applyBorder="1" applyAlignment="1">
      <alignment horizontal="distributed"/>
    </xf>
    <xf numFmtId="38" fontId="3" fillId="0" borderId="0" xfId="2" applyFont="1" applyFill="1" applyBorder="1"/>
    <xf numFmtId="37" fontId="3" fillId="0" borderId="1" xfId="4" quotePrefix="1" applyNumberFormat="1" applyFont="1" applyFill="1" applyBorder="1" applyAlignment="1">
      <alignment horizontal="right"/>
    </xf>
    <xf numFmtId="37" fontId="3" fillId="0" borderId="6" xfId="4" quotePrefix="1" applyNumberFormat="1" applyFont="1" applyFill="1" applyBorder="1" applyAlignment="1">
      <alignment horizontal="right"/>
    </xf>
    <xf numFmtId="37" fontId="3" fillId="0" borderId="1" xfId="4" applyNumberFormat="1" applyFont="1" applyFill="1" applyBorder="1"/>
    <xf numFmtId="37" fontId="3" fillId="0" borderId="5" xfId="4" applyNumberFormat="1" applyFont="1" applyFill="1" applyBorder="1"/>
    <xf numFmtId="0" fontId="65" fillId="0" borderId="6" xfId="4" applyFont="1" applyFill="1" applyBorder="1" applyAlignment="1">
      <alignment horizontal="distributed"/>
    </xf>
    <xf numFmtId="37" fontId="3" fillId="0" borderId="1" xfId="4" applyNumberFormat="1" applyFont="1" applyFill="1" applyBorder="1" applyAlignment="1">
      <alignment horizontal="right"/>
    </xf>
    <xf numFmtId="37" fontId="3" fillId="0" borderId="6" xfId="4" applyNumberFormat="1" applyFont="1" applyFill="1" applyBorder="1" applyAlignment="1">
      <alignment horizontal="right"/>
    </xf>
    <xf numFmtId="38" fontId="3" fillId="0" borderId="1" xfId="2" applyFont="1" applyFill="1" applyBorder="1"/>
    <xf numFmtId="37" fontId="3" fillId="0" borderId="5" xfId="4" applyNumberFormat="1" applyFont="1" applyFill="1" applyBorder="1" applyAlignment="1">
      <alignment horizontal="right"/>
    </xf>
    <xf numFmtId="0" fontId="39" fillId="0" borderId="0" xfId="4" applyFont="1" applyFill="1" applyBorder="1" applyAlignment="1">
      <alignment horizontal="left"/>
    </xf>
    <xf numFmtId="0" fontId="39" fillId="0" borderId="0" xfId="4" applyFont="1" applyFill="1" applyBorder="1" applyAlignment="1">
      <alignment horizontal="left" vertical="top"/>
    </xf>
    <xf numFmtId="0" fontId="65" fillId="0" borderId="6" xfId="4" applyFont="1" applyFill="1" applyBorder="1" applyAlignment="1">
      <alignment horizontal="distributed" vertical="top"/>
    </xf>
    <xf numFmtId="38" fontId="3" fillId="0" borderId="0" xfId="2" applyFont="1" applyFill="1" applyBorder="1" applyAlignment="1">
      <alignment vertical="top"/>
    </xf>
    <xf numFmtId="37" fontId="3" fillId="0" borderId="5" xfId="4" applyNumberFormat="1" applyFont="1" applyFill="1" applyBorder="1" applyAlignment="1">
      <alignment horizontal="right" vertical="top"/>
    </xf>
    <xf numFmtId="37" fontId="3" fillId="0" borderId="1" xfId="4" applyNumberFormat="1" applyFont="1" applyFill="1" applyBorder="1" applyAlignment="1">
      <alignment horizontal="right" vertical="top"/>
    </xf>
    <xf numFmtId="37" fontId="3" fillId="0" borderId="1" xfId="4" applyNumberFormat="1" applyFont="1" applyFill="1" applyBorder="1" applyAlignment="1">
      <alignment vertical="top"/>
    </xf>
    <xf numFmtId="37" fontId="3" fillId="0" borderId="5" xfId="4" applyNumberFormat="1" applyFont="1" applyFill="1" applyBorder="1" applyAlignment="1">
      <alignment vertical="top"/>
    </xf>
    <xf numFmtId="0" fontId="47" fillId="0" borderId="0" xfId="4" applyFont="1" applyFill="1" applyAlignment="1">
      <alignment vertical="top"/>
    </xf>
    <xf numFmtId="0" fontId="47" fillId="0" borderId="0" xfId="4" applyFont="1" applyFill="1" applyBorder="1"/>
    <xf numFmtId="0" fontId="47" fillId="0" borderId="0" xfId="4" quotePrefix="1" applyFont="1" applyFill="1" applyBorder="1" applyAlignment="1">
      <alignment horizontal="left"/>
    </xf>
    <xf numFmtId="37" fontId="47" fillId="0" borderId="5" xfId="4" applyNumberFormat="1" applyFont="1" applyFill="1" applyBorder="1" applyAlignment="1">
      <alignment horizontal="right"/>
    </xf>
    <xf numFmtId="37" fontId="47" fillId="0" borderId="1" xfId="4" applyNumberFormat="1" applyFont="1" applyFill="1" applyBorder="1" applyAlignment="1">
      <alignment horizontal="right"/>
    </xf>
    <xf numFmtId="37" fontId="47" fillId="0" borderId="6" xfId="4" applyNumberFormat="1" applyFont="1" applyFill="1" applyBorder="1" applyAlignment="1">
      <alignment horizontal="right"/>
    </xf>
    <xf numFmtId="37" fontId="47" fillId="0" borderId="0" xfId="4" applyNumberFormat="1" applyFont="1" applyFill="1" applyBorder="1"/>
    <xf numFmtId="37" fontId="47" fillId="0" borderId="1" xfId="4" applyNumberFormat="1" applyFont="1" applyFill="1" applyBorder="1"/>
    <xf numFmtId="37" fontId="47" fillId="0" borderId="5" xfId="4" applyNumberFormat="1" applyFont="1" applyFill="1" applyBorder="1"/>
    <xf numFmtId="37" fontId="47" fillId="0" borderId="6" xfId="4" applyNumberFormat="1" applyFont="1" applyFill="1" applyBorder="1"/>
    <xf numFmtId="0" fontId="9" fillId="0" borderId="12" xfId="4" applyFont="1" applyFill="1" applyBorder="1"/>
    <xf numFmtId="0" fontId="9" fillId="0" borderId="12" xfId="4" applyFont="1" applyFill="1" applyBorder="1" applyAlignment="1">
      <alignment horizontal="distributed"/>
    </xf>
    <xf numFmtId="37" fontId="3" fillId="0" borderId="17" xfId="4" applyNumberFormat="1" applyFont="1" applyFill="1" applyBorder="1" applyAlignment="1">
      <alignment horizontal="right"/>
    </xf>
    <xf numFmtId="37" fontId="3" fillId="0" borderId="11" xfId="4" applyNumberFormat="1" applyFont="1" applyFill="1" applyBorder="1" applyAlignment="1">
      <alignment horizontal="right"/>
    </xf>
    <xf numFmtId="37" fontId="3" fillId="0" borderId="13" xfId="4" applyNumberFormat="1" applyFont="1" applyFill="1" applyBorder="1" applyAlignment="1">
      <alignment horizontal="right"/>
    </xf>
    <xf numFmtId="37" fontId="3" fillId="0" borderId="12" xfId="4" applyNumberFormat="1" applyFont="1" applyFill="1" applyBorder="1"/>
    <xf numFmtId="37" fontId="3" fillId="0" borderId="11" xfId="4" applyNumberFormat="1" applyFont="1" applyFill="1" applyBorder="1"/>
    <xf numFmtId="37" fontId="3" fillId="0" borderId="17" xfId="4" applyNumberFormat="1" applyFont="1" applyFill="1" applyBorder="1"/>
    <xf numFmtId="37" fontId="3" fillId="0" borderId="13" xfId="4" applyNumberFormat="1" applyFont="1" applyFill="1" applyBorder="1"/>
    <xf numFmtId="0" fontId="9" fillId="0" borderId="0" xfId="4" applyFont="1" applyFill="1" applyBorder="1"/>
    <xf numFmtId="38" fontId="47" fillId="0" borderId="0" xfId="2" applyFont="1" applyFill="1" applyBorder="1" applyAlignment="1">
      <alignment horizontal="left"/>
    </xf>
    <xf numFmtId="38" fontId="47" fillId="0" borderId="6" xfId="2" applyFont="1" applyFill="1" applyBorder="1"/>
    <xf numFmtId="0" fontId="65" fillId="0" borderId="0" xfId="4" quotePrefix="1" applyFont="1" applyFill="1" applyBorder="1" applyAlignment="1">
      <alignment horizontal="distributed"/>
    </xf>
    <xf numFmtId="38" fontId="3" fillId="0" borderId="5" xfId="2" applyFont="1" applyFill="1" applyBorder="1"/>
    <xf numFmtId="38" fontId="3" fillId="0" borderId="6" xfId="2" applyFont="1" applyFill="1" applyBorder="1"/>
    <xf numFmtId="0" fontId="65" fillId="0" borderId="0" xfId="4" applyFont="1" applyFill="1" applyBorder="1" applyAlignment="1">
      <alignment horizontal="distributed"/>
    </xf>
    <xf numFmtId="0" fontId="65" fillId="0" borderId="0" xfId="4" applyFont="1" applyFill="1" applyBorder="1" applyAlignment="1">
      <alignment horizontal="distributed" vertical="top"/>
    </xf>
    <xf numFmtId="38" fontId="3" fillId="0" borderId="5" xfId="2" applyFont="1" applyFill="1" applyBorder="1" applyAlignment="1">
      <alignment vertical="top"/>
    </xf>
    <xf numFmtId="38" fontId="3" fillId="0" borderId="1" xfId="2" applyFont="1" applyFill="1" applyBorder="1" applyAlignment="1">
      <alignment vertical="top"/>
    </xf>
    <xf numFmtId="38" fontId="3" fillId="0" borderId="6" xfId="2" applyFont="1" applyFill="1" applyBorder="1" applyAlignment="1">
      <alignment vertical="top"/>
    </xf>
    <xf numFmtId="0" fontId="65" fillId="0" borderId="12" xfId="4" applyFont="1" applyFill="1" applyBorder="1"/>
    <xf numFmtId="0" fontId="65" fillId="0" borderId="12" xfId="4" applyFont="1" applyFill="1" applyBorder="1" applyAlignment="1">
      <alignment horizontal="distributed"/>
    </xf>
    <xf numFmtId="38" fontId="3" fillId="0" borderId="17" xfId="2" applyFont="1" applyFill="1" applyBorder="1"/>
    <xf numFmtId="38" fontId="3" fillId="0" borderId="11" xfId="2" applyFont="1" applyFill="1" applyBorder="1"/>
    <xf numFmtId="38" fontId="3" fillId="0" borderId="13" xfId="2" applyFont="1" applyFill="1" applyBorder="1"/>
    <xf numFmtId="38" fontId="3" fillId="0" borderId="12" xfId="2" applyFont="1" applyFill="1" applyBorder="1"/>
    <xf numFmtId="37" fontId="9" fillId="0" borderId="0" xfId="4" applyNumberFormat="1" applyFill="1"/>
    <xf numFmtId="0" fontId="9" fillId="0" borderId="28" xfId="4" applyFont="1" applyFill="1" applyBorder="1" applyAlignment="1">
      <alignment horizontal="center"/>
    </xf>
    <xf numFmtId="0" fontId="9" fillId="0" borderId="10" xfId="4" applyFont="1" applyFill="1" applyBorder="1" applyAlignment="1">
      <alignment horizontal="center"/>
    </xf>
    <xf numFmtId="0" fontId="47" fillId="0" borderId="0" xfId="4" applyFont="1" applyFill="1" applyBorder="1" applyAlignment="1">
      <alignment horizontal="left"/>
    </xf>
    <xf numFmtId="37" fontId="3" fillId="0" borderId="6" xfId="4" applyNumberFormat="1" applyFont="1" applyFill="1" applyBorder="1"/>
    <xf numFmtId="37" fontId="3" fillId="0" borderId="0" xfId="4" applyNumberFormat="1" applyFont="1" applyFill="1" applyBorder="1"/>
    <xf numFmtId="37" fontId="3" fillId="0" borderId="6" xfId="4" applyNumberFormat="1" applyFont="1" applyFill="1" applyBorder="1" applyAlignment="1">
      <alignment vertical="top"/>
    </xf>
    <xf numFmtId="37" fontId="3" fillId="0" borderId="0" xfId="4" applyNumberFormat="1" applyFont="1" applyFill="1" applyBorder="1" applyAlignment="1">
      <alignment vertical="top"/>
    </xf>
    <xf numFmtId="0" fontId="23" fillId="0" borderId="0" xfId="0" applyFont="1" applyFill="1"/>
    <xf numFmtId="0" fontId="0" fillId="0" borderId="0" xfId="0" applyFill="1"/>
    <xf numFmtId="0" fontId="9" fillId="0" borderId="0" xfId="0" applyFont="1" applyFill="1"/>
    <xf numFmtId="0" fontId="9" fillId="0" borderId="0" xfId="0" applyFont="1" applyFill="1" applyAlignment="1">
      <alignment horizontal="right"/>
    </xf>
    <xf numFmtId="0" fontId="0" fillId="0" borderId="16" xfId="0" applyFill="1" applyBorder="1"/>
    <xf numFmtId="0" fontId="9" fillId="0" borderId="15" xfId="0" applyFont="1" applyFill="1" applyBorder="1" applyAlignment="1">
      <alignment horizontal="center"/>
    </xf>
    <xf numFmtId="0" fontId="9" fillId="0" borderId="16" xfId="0" applyFont="1" applyFill="1" applyBorder="1" applyAlignment="1">
      <alignment horizontal="center"/>
    </xf>
    <xf numFmtId="0" fontId="9" fillId="0" borderId="16" xfId="0" applyFont="1" applyFill="1" applyBorder="1"/>
    <xf numFmtId="0" fontId="9" fillId="0" borderId="20" xfId="0" applyFont="1" applyFill="1" applyBorder="1" applyAlignment="1">
      <alignment horizontal="center"/>
    </xf>
    <xf numFmtId="0" fontId="0" fillId="0" borderId="0" xfId="0" applyFill="1" applyBorder="1"/>
    <xf numFmtId="0" fontId="9" fillId="0" borderId="1" xfId="0" applyFont="1" applyFill="1" applyBorder="1" applyAlignment="1">
      <alignment horizontal="center"/>
    </xf>
    <xf numFmtId="0" fontId="16" fillId="0" borderId="0" xfId="0" applyFont="1" applyFill="1" applyBorder="1" applyAlignment="1">
      <alignment horizontal="center"/>
    </xf>
    <xf numFmtId="0" fontId="9" fillId="0" borderId="4" xfId="0" applyFont="1" applyFill="1" applyBorder="1"/>
    <xf numFmtId="0" fontId="9" fillId="0" borderId="2" xfId="0" applyFont="1" applyFill="1" applyBorder="1"/>
    <xf numFmtId="0" fontId="9" fillId="0" borderId="7" xfId="0" applyFont="1" applyFill="1" applyBorder="1"/>
    <xf numFmtId="0" fontId="9" fillId="0" borderId="5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left"/>
    </xf>
    <xf numFmtId="0" fontId="9" fillId="0" borderId="0" xfId="0" applyFont="1" applyFill="1" applyBorder="1"/>
    <xf numFmtId="0" fontId="9" fillId="0" borderId="3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9" xfId="0" quotePrefix="1" applyFont="1" applyFill="1" applyBorder="1" applyAlignment="1">
      <alignment horizontal="left"/>
    </xf>
    <xf numFmtId="0" fontId="9" fillId="0" borderId="8" xfId="0" applyFont="1" applyFill="1" applyBorder="1" applyAlignment="1">
      <alignment horizontal="center"/>
    </xf>
    <xf numFmtId="0" fontId="9" fillId="0" borderId="9" xfId="0" applyFont="1" applyFill="1" applyBorder="1" applyAlignment="1">
      <alignment horizontal="center"/>
    </xf>
    <xf numFmtId="0" fontId="9" fillId="0" borderId="14" xfId="0" applyFont="1" applyFill="1" applyBorder="1" applyAlignment="1">
      <alignment horizontal="center"/>
    </xf>
    <xf numFmtId="0" fontId="9" fillId="0" borderId="0" xfId="0" quotePrefix="1" applyFont="1" applyFill="1" applyBorder="1" applyAlignment="1">
      <alignment horizontal="left"/>
    </xf>
    <xf numFmtId="0" fontId="9" fillId="0" borderId="1" xfId="0" applyFont="1" applyFill="1" applyBorder="1" applyAlignment="1">
      <alignment horizontal="right"/>
    </xf>
    <xf numFmtId="0" fontId="9" fillId="0" borderId="0" xfId="0" applyFont="1" applyFill="1" applyBorder="1" applyAlignment="1">
      <alignment horizontal="right"/>
    </xf>
    <xf numFmtId="0" fontId="9" fillId="0" borderId="5" xfId="0" applyFont="1" applyFill="1" applyBorder="1" applyAlignment="1">
      <alignment horizontal="right"/>
    </xf>
    <xf numFmtId="0" fontId="9" fillId="0" borderId="6" xfId="0" applyFont="1" applyFill="1" applyBorder="1" applyAlignment="1">
      <alignment horizontal="right"/>
    </xf>
    <xf numFmtId="0" fontId="33" fillId="0" borderId="0" xfId="0" quotePrefix="1" applyFont="1" applyFill="1" applyBorder="1" applyAlignment="1">
      <alignment horizontal="left"/>
    </xf>
    <xf numFmtId="0" fontId="33" fillId="0" borderId="0" xfId="0" applyFont="1" applyFill="1" applyBorder="1" applyAlignment="1">
      <alignment horizontal="left"/>
    </xf>
    <xf numFmtId="38" fontId="33" fillId="0" borderId="1" xfId="0" applyNumberFormat="1" applyFont="1" applyFill="1" applyBorder="1"/>
    <xf numFmtId="38" fontId="33" fillId="0" borderId="0" xfId="1" applyFont="1" applyFill="1" applyBorder="1"/>
    <xf numFmtId="38" fontId="33" fillId="0" borderId="1" xfId="1" quotePrefix="1" applyFont="1" applyFill="1" applyBorder="1" applyAlignment="1">
      <alignment horizontal="right"/>
    </xf>
    <xf numFmtId="38" fontId="33" fillId="0" borderId="6" xfId="1" quotePrefix="1" applyFont="1" applyFill="1" applyBorder="1" applyAlignment="1">
      <alignment horizontal="right"/>
    </xf>
    <xf numFmtId="38" fontId="33" fillId="0" borderId="5" xfId="1" quotePrefix="1" applyFont="1" applyFill="1" applyBorder="1" applyAlignment="1">
      <alignment horizontal="right"/>
    </xf>
    <xf numFmtId="0" fontId="33" fillId="0" borderId="0" xfId="0" applyFont="1" applyFill="1"/>
    <xf numFmtId="0" fontId="9" fillId="0" borderId="0" xfId="0" quotePrefix="1" applyFont="1" applyFill="1" applyBorder="1" applyAlignment="1">
      <alignment horizontal="distributed"/>
    </xf>
    <xf numFmtId="38" fontId="9" fillId="0" borderId="1" xfId="0" applyNumberFormat="1" applyFont="1" applyFill="1" applyBorder="1"/>
    <xf numFmtId="38" fontId="9" fillId="0" borderId="0" xfId="1" applyFont="1" applyFill="1" applyBorder="1"/>
    <xf numFmtId="38" fontId="9" fillId="0" borderId="5" xfId="1" applyFont="1" applyFill="1" applyBorder="1" applyAlignment="1">
      <alignment horizontal="right"/>
    </xf>
    <xf numFmtId="38" fontId="9" fillId="0" borderId="1" xfId="1" quotePrefix="1" applyFont="1" applyFill="1" applyBorder="1" applyAlignment="1">
      <alignment horizontal="right"/>
    </xf>
    <xf numFmtId="38" fontId="9" fillId="0" borderId="6" xfId="1" applyFont="1" applyFill="1" applyBorder="1"/>
    <xf numFmtId="38" fontId="9" fillId="0" borderId="0" xfId="1" applyFont="1" applyFill="1" applyBorder="1" applyAlignment="1">
      <alignment horizontal="right"/>
    </xf>
    <xf numFmtId="37" fontId="9" fillId="0" borderId="1" xfId="0" applyNumberFormat="1" applyFont="1" applyFill="1" applyBorder="1"/>
    <xf numFmtId="37" fontId="9" fillId="0" borderId="0" xfId="0" applyNumberFormat="1" applyFont="1" applyFill="1" applyBorder="1"/>
    <xf numFmtId="38" fontId="9" fillId="0" borderId="5" xfId="0" applyNumberFormat="1" applyFont="1" applyFill="1" applyBorder="1"/>
    <xf numFmtId="0" fontId="9" fillId="0" borderId="0" xfId="0" applyFont="1" applyFill="1" applyBorder="1" applyAlignment="1">
      <alignment horizontal="distributed"/>
    </xf>
    <xf numFmtId="38" fontId="33" fillId="0" borderId="5" xfId="1" applyFont="1" applyFill="1" applyBorder="1"/>
    <xf numFmtId="38" fontId="33" fillId="0" borderId="1" xfId="1" applyFont="1" applyFill="1" applyBorder="1"/>
    <xf numFmtId="38" fontId="33" fillId="0" borderId="6" xfId="1" applyFont="1" applyFill="1" applyBorder="1"/>
    <xf numFmtId="38" fontId="33" fillId="0" borderId="5" xfId="0" applyNumberFormat="1" applyFont="1" applyFill="1" applyBorder="1"/>
    <xf numFmtId="0" fontId="9" fillId="0" borderId="0" xfId="0" applyFont="1" applyFill="1" applyBorder="1" applyAlignment="1">
      <alignment horizontal="distributed" vertical="top"/>
    </xf>
    <xf numFmtId="38" fontId="9" fillId="0" borderId="1" xfId="0" applyNumberFormat="1" applyFont="1" applyFill="1" applyBorder="1" applyAlignment="1"/>
    <xf numFmtId="38" fontId="9" fillId="0" borderId="0" xfId="1" applyFont="1" applyFill="1" applyBorder="1" applyAlignment="1"/>
    <xf numFmtId="38" fontId="9" fillId="0" borderId="5" xfId="0" applyNumberFormat="1" applyFont="1" applyFill="1" applyBorder="1" applyAlignment="1"/>
    <xf numFmtId="38" fontId="9" fillId="0" borderId="1" xfId="1" applyFont="1" applyFill="1" applyBorder="1" applyAlignment="1">
      <alignment horizontal="right"/>
    </xf>
    <xf numFmtId="0" fontId="9" fillId="0" borderId="12" xfId="0" applyFont="1" applyFill="1" applyBorder="1"/>
    <xf numFmtId="0" fontId="9" fillId="0" borderId="12" xfId="0" applyFont="1" applyFill="1" applyBorder="1" applyAlignment="1">
      <alignment horizontal="distributed"/>
    </xf>
    <xf numFmtId="38" fontId="9" fillId="0" borderId="11" xfId="0" applyNumberFormat="1" applyFont="1" applyFill="1" applyBorder="1"/>
    <xf numFmtId="38" fontId="9" fillId="0" borderId="12" xfId="1" applyFont="1" applyFill="1" applyBorder="1"/>
    <xf numFmtId="38" fontId="9" fillId="0" borderId="11" xfId="1" applyFont="1" applyFill="1" applyBorder="1" applyAlignment="1">
      <alignment horizontal="right"/>
    </xf>
    <xf numFmtId="38" fontId="9" fillId="0" borderId="12" xfId="1" applyFont="1" applyFill="1" applyBorder="1" applyAlignment="1">
      <alignment horizontal="right"/>
    </xf>
    <xf numFmtId="37" fontId="9" fillId="0" borderId="11" xfId="0" applyNumberFormat="1" applyFont="1" applyFill="1" applyBorder="1"/>
    <xf numFmtId="37" fontId="9" fillId="0" borderId="12" xfId="0" applyNumberFormat="1" applyFont="1" applyFill="1" applyBorder="1"/>
    <xf numFmtId="38" fontId="9" fillId="0" borderId="17" xfId="0" applyNumberFormat="1" applyFont="1" applyFill="1" applyBorder="1"/>
    <xf numFmtId="0" fontId="15" fillId="0" borderId="0" xfId="0" applyFont="1" applyFill="1"/>
    <xf numFmtId="0" fontId="16" fillId="0" borderId="0" xfId="0" applyFont="1" applyFill="1"/>
    <xf numFmtId="38" fontId="0" fillId="0" borderId="0" xfId="0" applyNumberFormat="1" applyFill="1"/>
    <xf numFmtId="0" fontId="18" fillId="0" borderId="0" xfId="5" applyFont="1"/>
    <xf numFmtId="0" fontId="24" fillId="0" borderId="0" xfId="5" applyFont="1"/>
    <xf numFmtId="0" fontId="12" fillId="0" borderId="0" xfId="5" applyFont="1" applyAlignment="1">
      <alignment horizontal="right"/>
    </xf>
    <xf numFmtId="0" fontId="24" fillId="0" borderId="0" xfId="5" applyFont="1" applyAlignment="1">
      <alignment horizontal="right"/>
    </xf>
    <xf numFmtId="0" fontId="4" fillId="0" borderId="16" xfId="5" applyBorder="1"/>
    <xf numFmtId="0" fontId="11" fillId="0" borderId="15" xfId="5" applyFont="1" applyBorder="1"/>
    <xf numFmtId="0" fontId="11" fillId="0" borderId="16" xfId="5" applyFont="1" applyBorder="1"/>
    <xf numFmtId="0" fontId="11" fillId="0" borderId="1" xfId="5" applyFont="1" applyBorder="1"/>
    <xf numFmtId="0" fontId="11" fillId="0" borderId="0" xfId="5" applyFont="1" applyBorder="1"/>
    <xf numFmtId="0" fontId="11" fillId="0" borderId="4" xfId="5" applyFont="1" applyBorder="1"/>
    <xf numFmtId="0" fontId="11" fillId="0" borderId="2" xfId="5" applyFont="1" applyBorder="1"/>
    <xf numFmtId="0" fontId="11" fillId="0" borderId="42" xfId="5" applyFont="1" applyBorder="1"/>
    <xf numFmtId="0" fontId="4" fillId="0" borderId="29" xfId="5" applyBorder="1"/>
    <xf numFmtId="0" fontId="4" fillId="0" borderId="2" xfId="5" applyBorder="1"/>
    <xf numFmtId="0" fontId="11" fillId="0" borderId="1" xfId="5" applyFont="1" applyBorder="1" applyAlignment="1">
      <alignment horizontal="center" wrapText="1"/>
    </xf>
    <xf numFmtId="0" fontId="11" fillId="0" borderId="0" xfId="5" applyFont="1" applyBorder="1" applyAlignment="1">
      <alignment horizontal="center"/>
    </xf>
    <xf numFmtId="0" fontId="11" fillId="0" borderId="5" xfId="5" applyFont="1" applyBorder="1" applyAlignment="1">
      <alignment horizontal="center"/>
    </xf>
    <xf numFmtId="0" fontId="11" fillId="0" borderId="4" xfId="5" applyFont="1" applyBorder="1" applyAlignment="1">
      <alignment horizontal="center"/>
    </xf>
    <xf numFmtId="0" fontId="11" fillId="0" borderId="3" xfId="5" applyFont="1" applyBorder="1" applyAlignment="1">
      <alignment horizontal="center"/>
    </xf>
    <xf numFmtId="0" fontId="4" fillId="0" borderId="9" xfId="5" applyBorder="1"/>
    <xf numFmtId="0" fontId="11" fillId="0" borderId="8" xfId="5" applyFont="1" applyBorder="1" applyAlignment="1">
      <alignment horizontal="center"/>
    </xf>
    <xf numFmtId="0" fontId="11" fillId="0" borderId="9" xfId="5" applyFont="1" applyBorder="1" applyAlignment="1">
      <alignment horizontal="center"/>
    </xf>
    <xf numFmtId="0" fontId="11" fillId="0" borderId="14" xfId="5" applyFont="1" applyBorder="1" applyAlignment="1">
      <alignment horizontal="center"/>
    </xf>
    <xf numFmtId="0" fontId="11" fillId="0" borderId="0" xfId="5" applyFont="1"/>
    <xf numFmtId="0" fontId="66" fillId="0" borderId="5" xfId="5" applyFont="1" applyBorder="1" applyAlignment="1">
      <alignment horizontal="right"/>
    </xf>
    <xf numFmtId="0" fontId="66" fillId="0" borderId="0" xfId="5" applyFont="1" applyAlignment="1">
      <alignment horizontal="right"/>
    </xf>
    <xf numFmtId="0" fontId="66" fillId="0" borderId="3" xfId="5" applyFont="1" applyBorder="1" applyAlignment="1">
      <alignment horizontal="right"/>
    </xf>
    <xf numFmtId="0" fontId="66" fillId="0" borderId="1" xfId="5" applyFont="1" applyBorder="1" applyAlignment="1">
      <alignment horizontal="right"/>
    </xf>
    <xf numFmtId="0" fontId="24" fillId="0" borderId="0" xfId="5" applyFont="1" applyBorder="1" applyAlignment="1">
      <alignment horizontal="right"/>
    </xf>
    <xf numFmtId="0" fontId="48" fillId="0" borderId="0" xfId="5" applyFont="1" applyAlignment="1">
      <alignment horizontal="center"/>
    </xf>
    <xf numFmtId="38" fontId="48" fillId="0" borderId="1" xfId="5" applyNumberFormat="1" applyFont="1" applyBorder="1" applyAlignment="1">
      <alignment horizontal="right"/>
    </xf>
    <xf numFmtId="0" fontId="24" fillId="0" borderId="1" xfId="5" applyFont="1" applyBorder="1" applyAlignment="1">
      <alignment horizontal="center" vertical="center"/>
    </xf>
    <xf numFmtId="38" fontId="48" fillId="0" borderId="1" xfId="1" applyFont="1" applyBorder="1" applyAlignment="1">
      <alignment horizontal="right"/>
    </xf>
    <xf numFmtId="38" fontId="48" fillId="0" borderId="0" xfId="1" applyFont="1" applyAlignment="1">
      <alignment horizontal="right"/>
    </xf>
    <xf numFmtId="38" fontId="48" fillId="0" borderId="5" xfId="1" applyFont="1" applyBorder="1" applyAlignment="1">
      <alignment horizontal="right"/>
    </xf>
    <xf numFmtId="0" fontId="48" fillId="0" borderId="0" xfId="5" applyFont="1" applyAlignment="1">
      <alignment horizontal="center" vertical="center"/>
    </xf>
    <xf numFmtId="0" fontId="48" fillId="0" borderId="1" xfId="5" applyFont="1" applyBorder="1" applyAlignment="1">
      <alignment horizontal="center"/>
    </xf>
    <xf numFmtId="0" fontId="48" fillId="0" borderId="0" xfId="5" quotePrefix="1" applyFont="1" applyAlignment="1">
      <alignment horizontal="center"/>
    </xf>
    <xf numFmtId="0" fontId="48" fillId="0" borderId="1" xfId="5" quotePrefix="1" applyFont="1" applyBorder="1" applyAlignment="1">
      <alignment horizontal="center"/>
    </xf>
    <xf numFmtId="38" fontId="58" fillId="0" borderId="0" xfId="1" applyFont="1" applyBorder="1" applyAlignment="1">
      <alignment horizontal="right"/>
    </xf>
    <xf numFmtId="3" fontId="4" fillId="0" borderId="0" xfId="5" applyNumberFormat="1" applyFont="1" applyBorder="1" applyAlignment="1">
      <alignment horizontal="right" vertical="top" wrapText="1"/>
    </xf>
    <xf numFmtId="3" fontId="48" fillId="0" borderId="1" xfId="5" applyNumberFormat="1" applyFont="1" applyBorder="1" applyAlignment="1">
      <alignment horizontal="right" wrapText="1"/>
    </xf>
    <xf numFmtId="3" fontId="48" fillId="0" borderId="5" xfId="5" applyNumberFormat="1" applyFont="1" applyBorder="1" applyAlignment="1">
      <alignment horizontal="right" wrapText="1"/>
    </xf>
    <xf numFmtId="3" fontId="48" fillId="0" borderId="0" xfId="5" applyNumberFormat="1" applyFont="1" applyBorder="1" applyAlignment="1">
      <alignment horizontal="right" wrapText="1"/>
    </xf>
    <xf numFmtId="0" fontId="48" fillId="0" borderId="16" xfId="5" applyFont="1" applyBorder="1" applyAlignment="1">
      <alignment horizontal="right"/>
    </xf>
    <xf numFmtId="0" fontId="48" fillId="0" borderId="16" xfId="5" applyFont="1" applyBorder="1" applyAlignment="1"/>
    <xf numFmtId="0" fontId="4" fillId="0" borderId="16" xfId="5" applyBorder="1" applyAlignment="1"/>
    <xf numFmtId="0" fontId="48" fillId="0" borderId="0" xfId="5" applyFont="1" applyAlignment="1"/>
    <xf numFmtId="0" fontId="4" fillId="0" borderId="0" xfId="5" applyAlignment="1"/>
    <xf numFmtId="0" fontId="4" fillId="0" borderId="2" xfId="0" applyFont="1" applyFill="1" applyBorder="1" applyAlignment="1">
      <alignment horizontal="center"/>
    </xf>
    <xf numFmtId="0" fontId="61" fillId="0" borderId="14" xfId="4" applyFont="1" applyFill="1" applyBorder="1" applyAlignment="1">
      <alignment horizontal="center"/>
    </xf>
    <xf numFmtId="0" fontId="61" fillId="0" borderId="9" xfId="4" applyFont="1" applyFill="1" applyBorder="1" applyAlignment="1">
      <alignment horizontal="center"/>
    </xf>
    <xf numFmtId="0" fontId="61" fillId="0" borderId="10" xfId="4" applyFont="1" applyFill="1" applyBorder="1" applyAlignment="1">
      <alignment horizontal="center"/>
    </xf>
    <xf numFmtId="0" fontId="61" fillId="0" borderId="5" xfId="4" applyFont="1" applyFill="1" applyBorder="1" applyAlignment="1">
      <alignment horizontal="center"/>
    </xf>
    <xf numFmtId="0" fontId="61" fillId="0" borderId="0" xfId="4" applyFont="1" applyFill="1" applyBorder="1" applyAlignment="1">
      <alignment horizontal="center"/>
    </xf>
    <xf numFmtId="0" fontId="61" fillId="0" borderId="6" xfId="4" applyFont="1" applyFill="1" applyBorder="1" applyAlignment="1">
      <alignment horizontal="center"/>
    </xf>
    <xf numFmtId="0" fontId="61" fillId="0" borderId="0" xfId="4" applyFont="1" applyFill="1" applyBorder="1" applyAlignment="1">
      <alignment horizontal="left"/>
    </xf>
    <xf numFmtId="0" fontId="19" fillId="0" borderId="16" xfId="0" applyFont="1" applyFill="1" applyBorder="1" applyAlignment="1">
      <alignment horizontal="center" vertical="center"/>
    </xf>
    <xf numFmtId="0" fontId="14" fillId="0" borderId="12" xfId="0" applyFont="1" applyFill="1" applyBorder="1" applyAlignment="1">
      <alignment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/>
    </xf>
    <xf numFmtId="0" fontId="4" fillId="0" borderId="4" xfId="0" applyFont="1" applyFill="1" applyBorder="1" applyAlignment="1">
      <alignment horizontal="center"/>
    </xf>
    <xf numFmtId="0" fontId="4" fillId="0" borderId="1" xfId="0" applyFont="1" applyFill="1" applyBorder="1"/>
    <xf numFmtId="0" fontId="4" fillId="0" borderId="1" xfId="0" applyFont="1" applyFill="1" applyBorder="1" applyAlignment="1">
      <alignment horizontal="center"/>
    </xf>
    <xf numFmtId="0" fontId="4" fillId="0" borderId="5" xfId="0" applyFont="1" applyFill="1" applyBorder="1"/>
    <xf numFmtId="0" fontId="4" fillId="0" borderId="4" xfId="0" applyFont="1" applyFill="1" applyBorder="1" applyAlignment="1">
      <alignment horizontal="right"/>
    </xf>
    <xf numFmtId="0" fontId="21" fillId="0" borderId="0" xfId="0" applyFont="1" applyFill="1" applyBorder="1" applyAlignment="1">
      <alignment horizontal="distributed" wrapText="1"/>
    </xf>
    <xf numFmtId="0" fontId="21" fillId="0" borderId="0" xfId="0" applyFont="1" applyFill="1" applyBorder="1"/>
    <xf numFmtId="0" fontId="21" fillId="0" borderId="1" xfId="0" applyFont="1" applyFill="1" applyBorder="1"/>
    <xf numFmtId="182" fontId="21" fillId="0" borderId="1" xfId="0" applyNumberFormat="1" applyFont="1" applyFill="1" applyBorder="1"/>
    <xf numFmtId="182" fontId="21" fillId="0" borderId="5" xfId="0" applyNumberFormat="1" applyFont="1" applyFill="1" applyBorder="1"/>
    <xf numFmtId="0" fontId="4" fillId="0" borderId="0" xfId="0" applyFont="1" applyFill="1" applyBorder="1" applyAlignment="1">
      <alignment horizontal="distributed"/>
    </xf>
    <xf numFmtId="185" fontId="4" fillId="0" borderId="1" xfId="0" applyNumberFormat="1" applyFont="1" applyFill="1" applyBorder="1"/>
    <xf numFmtId="182" fontId="57" fillId="0" borderId="1" xfId="0" applyNumberFormat="1" applyFont="1" applyFill="1" applyBorder="1"/>
    <xf numFmtId="185" fontId="4" fillId="0" borderId="1" xfId="0" applyNumberFormat="1" applyFont="1" applyFill="1" applyBorder="1" applyAlignment="1">
      <alignment horizontal="right"/>
    </xf>
    <xf numFmtId="185" fontId="57" fillId="0" borderId="1" xfId="0" applyNumberFormat="1" applyFont="1" applyFill="1" applyBorder="1" applyAlignment="1">
      <alignment horizontal="right"/>
    </xf>
    <xf numFmtId="185" fontId="4" fillId="0" borderId="5" xfId="0" applyNumberFormat="1" applyFont="1" applyFill="1" applyBorder="1" applyAlignment="1">
      <alignment horizontal="right"/>
    </xf>
    <xf numFmtId="182" fontId="4" fillId="0" borderId="1" xfId="0" applyNumberFormat="1" applyFont="1" applyFill="1" applyBorder="1"/>
    <xf numFmtId="182" fontId="4" fillId="0" borderId="5" xfId="0" applyNumberFormat="1" applyFont="1" applyFill="1" applyBorder="1"/>
    <xf numFmtId="38" fontId="13" fillId="0" borderId="5" xfId="2" applyFont="1" applyFill="1" applyBorder="1" applyAlignment="1">
      <alignment horizontal="right"/>
    </xf>
    <xf numFmtId="0" fontId="11" fillId="0" borderId="5" xfId="7" applyFont="1" applyFill="1" applyBorder="1" applyAlignment="1">
      <alignment horizontal="right"/>
    </xf>
    <xf numFmtId="38" fontId="11" fillId="0" borderId="5" xfId="2" applyFont="1" applyFill="1" applyBorder="1" applyAlignment="1">
      <alignment horizontal="right"/>
    </xf>
    <xf numFmtId="38" fontId="11" fillId="0" borderId="17" xfId="2" applyFont="1" applyFill="1" applyBorder="1" applyAlignment="1">
      <alignment horizontal="right"/>
    </xf>
    <xf numFmtId="38" fontId="13" fillId="0" borderId="5" xfId="2" applyFont="1" applyFill="1" applyBorder="1"/>
    <xf numFmtId="0" fontId="11" fillId="0" borderId="5" xfId="7" applyFont="1" applyFill="1" applyBorder="1"/>
    <xf numFmtId="38" fontId="11" fillId="0" borderId="5" xfId="2" applyFont="1" applyFill="1" applyBorder="1"/>
    <xf numFmtId="38" fontId="11" fillId="0" borderId="17" xfId="2" applyFont="1" applyFill="1" applyBorder="1"/>
    <xf numFmtId="0" fontId="9" fillId="0" borderId="18" xfId="4" applyFill="1" applyBorder="1"/>
    <xf numFmtId="0" fontId="61" fillId="0" borderId="42" xfId="4" applyFont="1" applyFill="1" applyBorder="1" applyAlignment="1">
      <alignment horizontal="center"/>
    </xf>
    <xf numFmtId="38" fontId="52" fillId="0" borderId="18" xfId="2" applyFont="1" applyFill="1" applyBorder="1" applyAlignment="1">
      <alignment horizontal="right"/>
    </xf>
    <xf numFmtId="38" fontId="9" fillId="0" borderId="6" xfId="2" applyFont="1" applyFill="1" applyBorder="1" applyAlignment="1">
      <alignment horizontal="right"/>
    </xf>
    <xf numFmtId="38" fontId="9" fillId="0" borderId="46" xfId="2" applyFont="1" applyFill="1" applyBorder="1" applyAlignment="1">
      <alignment horizontal="right"/>
    </xf>
    <xf numFmtId="38" fontId="9" fillId="0" borderId="60" xfId="2" applyFont="1" applyFill="1" applyBorder="1" applyAlignment="1">
      <alignment horizontal="right"/>
    </xf>
    <xf numFmtId="38" fontId="0" fillId="0" borderId="66" xfId="2" applyFont="1" applyFill="1" applyBorder="1" applyAlignment="1">
      <alignment horizontal="right"/>
    </xf>
    <xf numFmtId="0" fontId="4" fillId="0" borderId="41" xfId="0" applyFont="1" applyFill="1" applyBorder="1" applyAlignment="1">
      <alignment horizontal="center" vertical="center"/>
    </xf>
    <xf numFmtId="177" fontId="4" fillId="0" borderId="4" xfId="0" applyNumberFormat="1" applyFont="1" applyFill="1" applyBorder="1"/>
    <xf numFmtId="177" fontId="4" fillId="0" borderId="14" xfId="0" applyNumberFormat="1" applyFont="1" applyFill="1" applyBorder="1"/>
    <xf numFmtId="177" fontId="4" fillId="0" borderId="17" xfId="0" applyNumberFormat="1" applyFont="1" applyFill="1" applyBorder="1"/>
    <xf numFmtId="38" fontId="13" fillId="0" borderId="5" xfId="2" applyFont="1" applyFill="1" applyBorder="1" applyAlignment="1">
      <alignment horizontal="right" vertical="center"/>
    </xf>
    <xf numFmtId="38" fontId="11" fillId="0" borderId="5" xfId="2" applyFont="1" applyFill="1" applyBorder="1" applyAlignment="1">
      <alignment horizontal="right" vertical="center"/>
    </xf>
    <xf numFmtId="38" fontId="13" fillId="0" borderId="5" xfId="2" applyFont="1" applyFill="1" applyBorder="1" applyAlignment="1"/>
    <xf numFmtId="38" fontId="13" fillId="0" borderId="0" xfId="2" applyFont="1" applyFill="1" applyBorder="1" applyAlignment="1">
      <alignment horizontal="right" vertical="center"/>
    </xf>
    <xf numFmtId="38" fontId="11" fillId="0" borderId="17" xfId="2" applyFont="1" applyFill="1" applyBorder="1" applyAlignment="1">
      <alignment horizontal="right" vertical="center"/>
    </xf>
    <xf numFmtId="0" fontId="38" fillId="0" borderId="0" xfId="4" applyFont="1" applyFill="1" applyBorder="1" applyAlignment="1">
      <alignment horizontal="left" vertical="center"/>
    </xf>
    <xf numFmtId="38" fontId="13" fillId="0" borderId="0" xfId="2" applyFont="1" applyFill="1" applyBorder="1" applyAlignment="1">
      <alignment horizontal="right"/>
    </xf>
    <xf numFmtId="0" fontId="11" fillId="0" borderId="0" xfId="7" applyFont="1" applyFill="1" applyBorder="1" applyAlignment="1">
      <alignment horizontal="right"/>
    </xf>
    <xf numFmtId="38" fontId="11" fillId="0" borderId="0" xfId="2" applyFont="1" applyFill="1" applyBorder="1" applyAlignment="1">
      <alignment horizontal="right"/>
    </xf>
    <xf numFmtId="38" fontId="11" fillId="0" borderId="12" xfId="2" applyFont="1" applyFill="1" applyBorder="1" applyAlignment="1">
      <alignment horizontal="right"/>
    </xf>
    <xf numFmtId="38" fontId="13" fillId="0" borderId="0" xfId="2" applyFont="1" applyFill="1" applyBorder="1"/>
    <xf numFmtId="0" fontId="11" fillId="0" borderId="0" xfId="7" applyFont="1" applyFill="1" applyBorder="1"/>
    <xf numFmtId="38" fontId="11" fillId="0" borderId="0" xfId="2" applyFont="1" applyFill="1" applyBorder="1"/>
    <xf numFmtId="38" fontId="11" fillId="0" borderId="12" xfId="2" applyFont="1" applyFill="1" applyBorder="1"/>
    <xf numFmtId="38" fontId="13" fillId="0" borderId="6" xfId="2" applyFont="1" applyFill="1" applyBorder="1" applyAlignment="1" applyProtection="1">
      <alignment horizontal="right" vertical="center"/>
    </xf>
    <xf numFmtId="38" fontId="11" fillId="0" borderId="6" xfId="2" applyFont="1" applyFill="1" applyBorder="1" applyAlignment="1" applyProtection="1">
      <alignment horizontal="right" vertical="center"/>
    </xf>
    <xf numFmtId="38" fontId="11" fillId="0" borderId="13" xfId="2" applyFont="1" applyFill="1" applyBorder="1" applyAlignment="1" applyProtection="1">
      <alignment horizontal="right" vertical="center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9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 vertical="center" textRotation="255"/>
    </xf>
    <xf numFmtId="0" fontId="0" fillId="0" borderId="7" xfId="0" applyFill="1" applyBorder="1" applyAlignment="1"/>
    <xf numFmtId="0" fontId="4" fillId="0" borderId="0" xfId="0" applyFont="1" applyFill="1" applyBorder="1" applyAlignment="1">
      <alignment horizontal="center" vertical="center" textRotation="255"/>
    </xf>
    <xf numFmtId="0" fontId="0" fillId="0" borderId="6" xfId="0" applyFill="1" applyBorder="1" applyAlignment="1"/>
    <xf numFmtId="0" fontId="4" fillId="0" borderId="9" xfId="0" applyFont="1" applyFill="1" applyBorder="1" applyAlignment="1">
      <alignment horizontal="center" vertical="center" textRotation="255"/>
    </xf>
    <xf numFmtId="0" fontId="0" fillId="0" borderId="10" xfId="0" applyFill="1" applyBorder="1" applyAlignment="1"/>
    <xf numFmtId="0" fontId="4" fillId="0" borderId="12" xfId="0" applyFont="1" applyFill="1" applyBorder="1" applyAlignment="1">
      <alignment horizontal="center" vertical="center" textRotation="255"/>
    </xf>
    <xf numFmtId="0" fontId="0" fillId="0" borderId="13" xfId="0" applyFill="1" applyBorder="1" applyAlignment="1"/>
    <xf numFmtId="0" fontId="6" fillId="0" borderId="26" xfId="0" applyFont="1" applyFill="1" applyBorder="1" applyAlignment="1">
      <alignment horizontal="center"/>
    </xf>
    <xf numFmtId="0" fontId="6" fillId="0" borderId="27" xfId="0" applyFont="1" applyFill="1" applyBorder="1" applyAlignment="1">
      <alignment horizontal="center"/>
    </xf>
    <xf numFmtId="0" fontId="4" fillId="0" borderId="18" xfId="0" applyFont="1" applyFill="1" applyBorder="1" applyAlignment="1">
      <alignment horizontal="center" vertical="center" textRotation="255"/>
    </xf>
    <xf numFmtId="0" fontId="4" fillId="0" borderId="6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15" xfId="0" applyFont="1" applyFill="1" applyBorder="1" applyAlignment="1">
      <alignment vertical="top" textRotation="255"/>
    </xf>
    <xf numFmtId="0" fontId="4" fillId="0" borderId="1" xfId="0" applyFont="1" applyFill="1" applyBorder="1" applyAlignment="1">
      <alignment vertical="top" textRotation="255"/>
    </xf>
    <xf numFmtId="0" fontId="4" fillId="0" borderId="8" xfId="0" applyFont="1" applyFill="1" applyBorder="1" applyAlignment="1">
      <alignment vertical="top" textRotation="255"/>
    </xf>
    <xf numFmtId="0" fontId="4" fillId="0" borderId="24" xfId="0" applyFont="1" applyFill="1" applyBorder="1" applyAlignment="1">
      <alignment horizontal="center"/>
    </xf>
    <xf numFmtId="0" fontId="4" fillId="0" borderId="22" xfId="0" applyFont="1" applyFill="1" applyBorder="1" applyAlignment="1">
      <alignment horizontal="center"/>
    </xf>
    <xf numFmtId="0" fontId="4" fillId="0" borderId="25" xfId="0" applyFont="1" applyFill="1" applyBorder="1" applyAlignment="1">
      <alignment horizontal="center"/>
    </xf>
    <xf numFmtId="0" fontId="4" fillId="0" borderId="3" xfId="0" applyFont="1" applyFill="1" applyBorder="1" applyAlignment="1">
      <alignment vertical="top" textRotation="255"/>
    </xf>
    <xf numFmtId="0" fontId="4" fillId="0" borderId="11" xfId="0" applyFont="1" applyFill="1" applyBorder="1" applyAlignment="1">
      <alignment vertical="top" textRotation="255"/>
    </xf>
    <xf numFmtId="0" fontId="4" fillId="0" borderId="21" xfId="0" applyFont="1" applyFill="1" applyBorder="1" applyAlignment="1">
      <alignment horizontal="center"/>
    </xf>
    <xf numFmtId="0" fontId="4" fillId="0" borderId="23" xfId="0" applyFont="1" applyFill="1" applyBorder="1" applyAlignment="1">
      <alignment horizontal="center"/>
    </xf>
    <xf numFmtId="0" fontId="4" fillId="0" borderId="0" xfId="0" applyFont="1" applyFill="1" applyAlignment="1">
      <alignment horizontal="left"/>
    </xf>
    <xf numFmtId="0" fontId="4" fillId="0" borderId="0" xfId="0" applyFont="1" applyFill="1" applyAlignment="1">
      <alignment horizontal="left" wrapText="1"/>
    </xf>
    <xf numFmtId="0" fontId="4" fillId="0" borderId="0" xfId="0" applyFont="1" applyFill="1" applyBorder="1" applyAlignment="1">
      <alignment horizontal="left"/>
    </xf>
    <xf numFmtId="0" fontId="4" fillId="0" borderId="0" xfId="0" applyFont="1" applyFill="1" applyBorder="1" applyAlignment="1">
      <alignment horizontal="left" wrapText="1"/>
    </xf>
    <xf numFmtId="0" fontId="4" fillId="0" borderId="16" xfId="0" applyFont="1" applyFill="1" applyBorder="1" applyAlignment="1">
      <alignment horizontal="center"/>
    </xf>
    <xf numFmtId="0" fontId="4" fillId="0" borderId="18" xfId="0" applyFont="1" applyFill="1" applyBorder="1" applyAlignment="1">
      <alignment horizontal="center"/>
    </xf>
    <xf numFmtId="0" fontId="4" fillId="0" borderId="15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3" xfId="0" applyFont="1" applyFill="1" applyBorder="1" applyAlignment="1">
      <alignment horizontal="center" vertical="center" textRotation="255"/>
    </xf>
    <xf numFmtId="0" fontId="4" fillId="0" borderId="1" xfId="0" applyFont="1" applyFill="1" applyBorder="1" applyAlignment="1">
      <alignment horizontal="center" vertical="center" textRotation="255"/>
    </xf>
    <xf numFmtId="0" fontId="4" fillId="0" borderId="8" xfId="0" applyFont="1" applyFill="1" applyBorder="1" applyAlignment="1">
      <alignment horizontal="center" vertical="center" textRotation="255"/>
    </xf>
    <xf numFmtId="0" fontId="4" fillId="0" borderId="11" xfId="0" applyFont="1" applyFill="1" applyBorder="1" applyAlignment="1">
      <alignment horizontal="center" vertical="center" textRotation="255"/>
    </xf>
    <xf numFmtId="0" fontId="3" fillId="0" borderId="20" xfId="5" applyFont="1" applyBorder="1" applyAlignment="1">
      <alignment horizontal="center" vertical="center"/>
    </xf>
    <xf numFmtId="0" fontId="3" fillId="0" borderId="18" xfId="5" applyFont="1" applyBorder="1" applyAlignment="1">
      <alignment horizontal="center" vertical="center"/>
    </xf>
    <xf numFmtId="0" fontId="3" fillId="0" borderId="14" xfId="5" applyFont="1" applyBorder="1" applyAlignment="1">
      <alignment horizontal="center" vertical="center"/>
    </xf>
    <xf numFmtId="0" fontId="3" fillId="0" borderId="10" xfId="5" applyFont="1" applyBorder="1" applyAlignment="1">
      <alignment horizontal="center" vertical="center"/>
    </xf>
    <xf numFmtId="0" fontId="3" fillId="0" borderId="16" xfId="5" applyFont="1" applyBorder="1" applyAlignment="1">
      <alignment horizontal="center" vertical="center"/>
    </xf>
    <xf numFmtId="0" fontId="3" fillId="0" borderId="9" xfId="5" applyFont="1" applyBorder="1" applyAlignment="1">
      <alignment horizontal="center" vertical="center"/>
    </xf>
    <xf numFmtId="0" fontId="9" fillId="0" borderId="9" xfId="4" quotePrefix="1" applyFont="1" applyFill="1" applyBorder="1" applyAlignment="1">
      <alignment horizontal="center"/>
    </xf>
    <xf numFmtId="0" fontId="9" fillId="0" borderId="10" xfId="4" quotePrefix="1" applyFont="1" applyFill="1" applyBorder="1" applyAlignment="1">
      <alignment horizontal="center"/>
    </xf>
    <xf numFmtId="0" fontId="9" fillId="0" borderId="16" xfId="4" applyFont="1" applyFill="1" applyBorder="1" applyAlignment="1">
      <alignment horizontal="center" vertical="center"/>
    </xf>
    <xf numFmtId="0" fontId="9" fillId="0" borderId="18" xfId="4" applyFont="1" applyFill="1" applyBorder="1" applyAlignment="1">
      <alignment horizontal="center" vertical="center"/>
    </xf>
    <xf numFmtId="0" fontId="9" fillId="0" borderId="0" xfId="4" applyFont="1" applyFill="1" applyBorder="1" applyAlignment="1">
      <alignment horizontal="center" vertical="center"/>
    </xf>
    <xf numFmtId="0" fontId="9" fillId="0" borderId="6" xfId="4" applyFont="1" applyFill="1" applyBorder="1" applyAlignment="1">
      <alignment horizontal="center" vertical="center"/>
    </xf>
    <xf numFmtId="0" fontId="9" fillId="0" borderId="9" xfId="4" applyFont="1" applyFill="1" applyBorder="1" applyAlignment="1">
      <alignment horizontal="center" vertical="center"/>
    </xf>
    <xf numFmtId="0" fontId="9" fillId="0" borderId="10" xfId="4" applyFont="1" applyFill="1" applyBorder="1" applyAlignment="1">
      <alignment horizontal="center" vertical="center"/>
    </xf>
    <xf numFmtId="0" fontId="9" fillId="0" borderId="41" xfId="4" applyFont="1" applyFill="1" applyBorder="1" applyAlignment="1">
      <alignment horizontal="center" vertical="center"/>
    </xf>
    <xf numFmtId="0" fontId="9" fillId="0" borderId="26" xfId="4" applyFont="1" applyFill="1" applyBorder="1" applyAlignment="1">
      <alignment horizontal="center" vertical="center"/>
    </xf>
    <xf numFmtId="0" fontId="9" fillId="0" borderId="27" xfId="4" applyFont="1" applyFill="1" applyBorder="1" applyAlignment="1">
      <alignment horizontal="center" vertical="center"/>
    </xf>
    <xf numFmtId="0" fontId="9" fillId="0" borderId="30" xfId="4" applyFill="1" applyBorder="1" applyAlignment="1">
      <alignment horizontal="center" vertical="center"/>
    </xf>
    <xf numFmtId="0" fontId="9" fillId="0" borderId="29" xfId="4" applyFill="1" applyBorder="1" applyAlignment="1">
      <alignment horizontal="center" vertical="center"/>
    </xf>
    <xf numFmtId="0" fontId="9" fillId="0" borderId="42" xfId="4" applyFill="1" applyBorder="1" applyAlignment="1">
      <alignment horizontal="center" vertical="center"/>
    </xf>
    <xf numFmtId="0" fontId="9" fillId="0" borderId="0" xfId="4" quotePrefix="1" applyFont="1" applyFill="1" applyBorder="1" applyAlignment="1">
      <alignment horizontal="center"/>
    </xf>
    <xf numFmtId="0" fontId="9" fillId="0" borderId="6" xfId="4" quotePrefix="1" applyFont="1" applyFill="1" applyBorder="1" applyAlignment="1">
      <alignment horizontal="center"/>
    </xf>
    <xf numFmtId="0" fontId="9" fillId="0" borderId="12" xfId="4" applyFill="1" applyBorder="1" applyAlignment="1">
      <alignment horizontal="center"/>
    </xf>
    <xf numFmtId="0" fontId="9" fillId="0" borderId="13" xfId="4" applyFill="1" applyBorder="1" applyAlignment="1">
      <alignment horizontal="center"/>
    </xf>
    <xf numFmtId="0" fontId="17" fillId="0" borderId="16" xfId="4" applyFont="1" applyFill="1" applyBorder="1" applyAlignment="1">
      <alignment horizontal="center"/>
    </xf>
    <xf numFmtId="0" fontId="17" fillId="0" borderId="18" xfId="4" applyFont="1" applyFill="1" applyBorder="1" applyAlignment="1">
      <alignment horizontal="center"/>
    </xf>
    <xf numFmtId="0" fontId="9" fillId="0" borderId="15" xfId="4" applyFill="1" applyBorder="1" applyAlignment="1">
      <alignment horizontal="center" vertical="center"/>
    </xf>
    <xf numFmtId="0" fontId="9" fillId="0" borderId="8" xfId="4" applyFill="1" applyBorder="1" applyAlignment="1">
      <alignment horizontal="center" vertical="center"/>
    </xf>
    <xf numFmtId="0" fontId="9" fillId="0" borderId="19" xfId="4" applyFill="1" applyBorder="1" applyAlignment="1">
      <alignment horizontal="center" vertical="center"/>
    </xf>
    <xf numFmtId="0" fontId="9" fillId="0" borderId="41" xfId="4" applyFill="1" applyBorder="1" applyAlignment="1">
      <alignment horizontal="center" vertical="center"/>
    </xf>
    <xf numFmtId="0" fontId="17" fillId="0" borderId="9" xfId="4" applyFont="1" applyFill="1" applyBorder="1" applyAlignment="1">
      <alignment horizontal="center" vertical="center" shrinkToFit="1"/>
    </xf>
    <xf numFmtId="0" fontId="17" fillId="0" borderId="10" xfId="4" applyFont="1" applyFill="1" applyBorder="1" applyAlignment="1">
      <alignment horizontal="center" vertical="center" shrinkToFit="1"/>
    </xf>
    <xf numFmtId="0" fontId="19" fillId="0" borderId="6" xfId="0" applyFont="1" applyFill="1" applyBorder="1" applyAlignment="1">
      <alignment horizontal="center" vertical="top" wrapText="1"/>
    </xf>
    <xf numFmtId="0" fontId="0" fillId="0" borderId="6" xfId="0" applyFill="1" applyBorder="1" applyAlignment="1">
      <alignment horizontal="center" vertical="top" wrapText="1"/>
    </xf>
    <xf numFmtId="0" fontId="0" fillId="0" borderId="13" xfId="0" applyFill="1" applyBorder="1" applyAlignment="1">
      <alignment horizontal="center" vertical="top" wrapText="1"/>
    </xf>
    <xf numFmtId="0" fontId="6" fillId="0" borderId="41" xfId="0" applyFont="1" applyFill="1" applyBorder="1" applyAlignment="1">
      <alignment horizontal="center" vertical="center"/>
    </xf>
    <xf numFmtId="0" fontId="6" fillId="0" borderId="26" xfId="0" applyFont="1" applyFill="1" applyBorder="1" applyAlignment="1">
      <alignment horizontal="center" vertical="center"/>
    </xf>
    <xf numFmtId="0" fontId="6" fillId="0" borderId="27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 wrapText="1"/>
    </xf>
    <xf numFmtId="0" fontId="6" fillId="0" borderId="10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 wrapText="1"/>
    </xf>
    <xf numFmtId="0" fontId="6" fillId="0" borderId="9" xfId="0" applyFont="1" applyFill="1" applyBorder="1" applyAlignment="1">
      <alignment horizontal="center" vertical="center" wrapText="1"/>
    </xf>
    <xf numFmtId="0" fontId="6" fillId="0" borderId="2" xfId="0" applyFont="1" applyFill="1" applyBorder="1" applyAlignment="1">
      <alignment horizontal="center" wrapText="1"/>
    </xf>
    <xf numFmtId="0" fontId="6" fillId="0" borderId="9" xfId="0" applyFont="1" applyFill="1" applyBorder="1" applyAlignment="1">
      <alignment horizontal="center" wrapText="1"/>
    </xf>
    <xf numFmtId="0" fontId="4" fillId="0" borderId="16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/>
    </xf>
    <xf numFmtId="0" fontId="15" fillId="0" borderId="15" xfId="4" applyFont="1" applyFill="1" applyBorder="1" applyAlignment="1">
      <alignment horizontal="center" vertical="center"/>
    </xf>
    <xf numFmtId="0" fontId="15" fillId="0" borderId="20" xfId="4" applyFont="1" applyFill="1" applyBorder="1" applyAlignment="1">
      <alignment horizontal="center" vertical="center"/>
    </xf>
    <xf numFmtId="0" fontId="9" fillId="0" borderId="14" xfId="4" applyFill="1" applyBorder="1" applyAlignment="1">
      <alignment horizontal="center" vertical="center"/>
    </xf>
    <xf numFmtId="0" fontId="27" fillId="0" borderId="0" xfId="4" applyFont="1" applyFill="1" applyBorder="1" applyAlignment="1">
      <alignment horizontal="center" vertical="center"/>
    </xf>
    <xf numFmtId="0" fontId="9" fillId="0" borderId="6" xfId="4" applyFill="1" applyBorder="1" applyAlignment="1"/>
    <xf numFmtId="0" fontId="9" fillId="0" borderId="9" xfId="4" applyFill="1" applyBorder="1" applyAlignment="1"/>
    <xf numFmtId="0" fontId="9" fillId="0" borderId="10" xfId="4" applyFill="1" applyBorder="1" applyAlignment="1"/>
    <xf numFmtId="0" fontId="28" fillId="0" borderId="15" xfId="4" applyFont="1" applyFill="1" applyBorder="1" applyAlignment="1">
      <alignment horizontal="center" vertical="distributed"/>
    </xf>
    <xf numFmtId="0" fontId="9" fillId="0" borderId="8" xfId="4" applyFill="1" applyBorder="1" applyAlignment="1">
      <alignment horizontal="center" vertical="distributed"/>
    </xf>
    <xf numFmtId="0" fontId="15" fillId="0" borderId="8" xfId="4" applyFont="1" applyFill="1" applyBorder="1" applyAlignment="1">
      <alignment horizontal="center" vertical="center"/>
    </xf>
    <xf numFmtId="0" fontId="15" fillId="0" borderId="14" xfId="4" applyFont="1" applyFill="1" applyBorder="1" applyAlignment="1">
      <alignment horizontal="center" vertical="center"/>
    </xf>
    <xf numFmtId="0" fontId="27" fillId="0" borderId="16" xfId="4" applyFont="1" applyFill="1" applyBorder="1" applyAlignment="1">
      <alignment horizontal="center" vertical="center"/>
    </xf>
    <xf numFmtId="0" fontId="9" fillId="0" borderId="18" xfId="4" applyFill="1" applyBorder="1" applyAlignment="1">
      <alignment horizontal="center" vertical="center"/>
    </xf>
    <xf numFmtId="0" fontId="9" fillId="0" borderId="9" xfId="4" applyFill="1" applyBorder="1" applyAlignment="1">
      <alignment horizontal="center" vertical="center"/>
    </xf>
    <xf numFmtId="0" fontId="9" fillId="0" borderId="10" xfId="4" applyFill="1" applyBorder="1" applyAlignment="1">
      <alignment horizontal="center" vertical="center"/>
    </xf>
    <xf numFmtId="0" fontId="28" fillId="0" borderId="15" xfId="4" applyFont="1" applyFill="1" applyBorder="1" applyAlignment="1">
      <alignment horizontal="center" vertical="center"/>
    </xf>
    <xf numFmtId="0" fontId="28" fillId="0" borderId="8" xfId="4" applyFont="1" applyFill="1" applyBorder="1" applyAlignment="1">
      <alignment horizontal="center" vertical="center"/>
    </xf>
    <xf numFmtId="56" fontId="40" fillId="0" borderId="41" xfId="4" applyNumberFormat="1" applyFont="1" applyFill="1" applyBorder="1" applyAlignment="1">
      <alignment horizontal="center" vertical="center"/>
    </xf>
    <xf numFmtId="56" fontId="40" fillId="0" borderId="26" xfId="4" applyNumberFormat="1" applyFont="1" applyFill="1" applyBorder="1" applyAlignment="1">
      <alignment horizontal="center" vertical="center"/>
    </xf>
    <xf numFmtId="56" fontId="40" fillId="0" borderId="27" xfId="4" applyNumberFormat="1" applyFont="1" applyFill="1" applyBorder="1" applyAlignment="1">
      <alignment horizontal="center" vertical="center"/>
    </xf>
    <xf numFmtId="0" fontId="39" fillId="0" borderId="26" xfId="4" applyFont="1" applyFill="1" applyBorder="1" applyAlignment="1">
      <alignment horizontal="center" vertical="center"/>
    </xf>
    <xf numFmtId="0" fontId="39" fillId="0" borderId="27" xfId="4" applyFont="1" applyFill="1" applyBorder="1" applyAlignment="1">
      <alignment horizontal="center" vertical="center"/>
    </xf>
    <xf numFmtId="0" fontId="40" fillId="0" borderId="41" xfId="4" applyFont="1" applyFill="1" applyBorder="1" applyAlignment="1">
      <alignment horizontal="center" vertical="center"/>
    </xf>
    <xf numFmtId="0" fontId="40" fillId="0" borderId="26" xfId="4" applyFont="1" applyFill="1" applyBorder="1" applyAlignment="1">
      <alignment horizontal="center" vertical="center"/>
    </xf>
    <xf numFmtId="0" fontId="40" fillId="0" borderId="27" xfId="4" applyFont="1" applyFill="1" applyBorder="1" applyAlignment="1">
      <alignment horizontal="center" vertical="center"/>
    </xf>
    <xf numFmtId="0" fontId="41" fillId="0" borderId="41" xfId="4" applyFont="1" applyFill="1" applyBorder="1" applyAlignment="1">
      <alignment horizontal="center" vertical="center"/>
    </xf>
    <xf numFmtId="0" fontId="41" fillId="0" borderId="26" xfId="4" applyFont="1" applyFill="1" applyBorder="1" applyAlignment="1">
      <alignment horizontal="center" vertical="center"/>
    </xf>
    <xf numFmtId="0" fontId="41" fillId="0" borderId="27" xfId="4" applyFont="1" applyFill="1" applyBorder="1" applyAlignment="1">
      <alignment horizontal="center" vertical="center"/>
    </xf>
    <xf numFmtId="56" fontId="39" fillId="0" borderId="26" xfId="4" applyNumberFormat="1" applyFont="1" applyFill="1" applyBorder="1" applyAlignment="1">
      <alignment horizontal="center" vertical="center"/>
    </xf>
    <xf numFmtId="56" fontId="39" fillId="0" borderId="27" xfId="4" applyNumberFormat="1" applyFont="1" applyFill="1" applyBorder="1" applyAlignment="1">
      <alignment horizontal="center" vertical="center"/>
    </xf>
    <xf numFmtId="56" fontId="41" fillId="0" borderId="41" xfId="4" applyNumberFormat="1" applyFont="1" applyFill="1" applyBorder="1" applyAlignment="1">
      <alignment horizontal="center" vertical="center"/>
    </xf>
    <xf numFmtId="56" fontId="41" fillId="0" borderId="26" xfId="4" applyNumberFormat="1" applyFont="1" applyFill="1" applyBorder="1" applyAlignment="1">
      <alignment horizontal="center" vertical="center"/>
    </xf>
    <xf numFmtId="56" fontId="41" fillId="0" borderId="27" xfId="4" applyNumberFormat="1" applyFont="1" applyFill="1" applyBorder="1" applyAlignment="1">
      <alignment horizontal="center" vertical="center"/>
    </xf>
    <xf numFmtId="0" fontId="44" fillId="0" borderId="1" xfId="4" applyFont="1" applyFill="1" applyBorder="1" applyAlignment="1">
      <alignment horizontal="center" vertical="center"/>
    </xf>
    <xf numFmtId="0" fontId="9" fillId="0" borderId="1" xfId="4" applyFill="1" applyBorder="1" applyAlignment="1">
      <alignment horizontal="center" vertical="center"/>
    </xf>
    <xf numFmtId="0" fontId="54" fillId="0" borderId="5" xfId="4" applyFont="1" applyFill="1" applyBorder="1" applyAlignment="1">
      <alignment horizontal="center"/>
    </xf>
    <xf numFmtId="0" fontId="54" fillId="0" borderId="6" xfId="4" applyFont="1" applyFill="1" applyBorder="1" applyAlignment="1">
      <alignment horizontal="center"/>
    </xf>
    <xf numFmtId="0" fontId="54" fillId="0" borderId="0" xfId="4" applyFont="1" applyFill="1" applyBorder="1" applyAlignment="1">
      <alignment horizontal="center"/>
    </xf>
    <xf numFmtId="0" fontId="54" fillId="0" borderId="14" xfId="4" applyFont="1" applyFill="1" applyBorder="1" applyAlignment="1">
      <alignment horizontal="center"/>
    </xf>
    <xf numFmtId="0" fontId="54" fillId="0" borderId="10" xfId="4" applyFont="1" applyFill="1" applyBorder="1" applyAlignment="1">
      <alignment horizontal="center"/>
    </xf>
    <xf numFmtId="0" fontId="21" fillId="0" borderId="49" xfId="4" applyFont="1" applyFill="1" applyBorder="1" applyAlignment="1">
      <alignment horizontal="center" vertical="center"/>
    </xf>
    <xf numFmtId="38" fontId="18" fillId="0" borderId="59" xfId="2" applyFont="1" applyFill="1" applyBorder="1" applyAlignment="1">
      <alignment horizontal="right" vertical="center"/>
    </xf>
    <xf numFmtId="38" fontId="18" fillId="0" borderId="55" xfId="2" applyFont="1" applyFill="1" applyBorder="1" applyAlignment="1">
      <alignment horizontal="right" vertical="center"/>
    </xf>
    <xf numFmtId="0" fontId="21" fillId="0" borderId="51" xfId="4" applyFont="1" applyFill="1" applyBorder="1" applyAlignment="1">
      <alignment horizontal="center" vertical="center"/>
    </xf>
    <xf numFmtId="0" fontId="9" fillId="0" borderId="53" xfId="4" applyFill="1" applyBorder="1" applyAlignment="1">
      <alignment vertical="center"/>
    </xf>
    <xf numFmtId="38" fontId="21" fillId="0" borderId="3" xfId="2" applyFont="1" applyFill="1" applyBorder="1" applyAlignment="1">
      <alignment vertical="center"/>
    </xf>
    <xf numFmtId="38" fontId="21" fillId="0" borderId="31" xfId="2" applyFont="1" applyFill="1" applyBorder="1" applyAlignment="1">
      <alignment vertical="center"/>
    </xf>
    <xf numFmtId="38" fontId="21" fillId="0" borderId="4" xfId="2" applyFont="1" applyFill="1" applyBorder="1" applyAlignment="1">
      <alignment vertical="center"/>
    </xf>
    <xf numFmtId="38" fontId="21" fillId="0" borderId="32" xfId="2" applyFont="1" applyFill="1" applyBorder="1" applyAlignment="1">
      <alignment vertical="center"/>
    </xf>
    <xf numFmtId="38" fontId="21" fillId="0" borderId="3" xfId="2" applyFont="1" applyFill="1" applyBorder="1" applyAlignment="1">
      <alignment horizontal="right" vertical="center"/>
    </xf>
    <xf numFmtId="38" fontId="21" fillId="0" borderId="31" xfId="2" applyFont="1" applyFill="1" applyBorder="1" applyAlignment="1">
      <alignment horizontal="right" vertical="center"/>
    </xf>
    <xf numFmtId="38" fontId="21" fillId="0" borderId="4" xfId="2" applyFont="1" applyFill="1" applyBorder="1" applyAlignment="1">
      <alignment horizontal="right" vertical="center"/>
    </xf>
    <xf numFmtId="38" fontId="21" fillId="0" borderId="32" xfId="2" applyFont="1" applyFill="1" applyBorder="1" applyAlignment="1">
      <alignment horizontal="right" vertical="center"/>
    </xf>
    <xf numFmtId="0" fontId="17" fillId="0" borderId="0" xfId="4" applyFont="1" applyFill="1" applyAlignment="1">
      <alignment wrapText="1"/>
    </xf>
    <xf numFmtId="0" fontId="17" fillId="0" borderId="0" xfId="4" applyFont="1" applyFill="1" applyAlignment="1"/>
    <xf numFmtId="38" fontId="21" fillId="0" borderId="59" xfId="2" applyFont="1" applyFill="1" applyBorder="1" applyAlignment="1">
      <alignment horizontal="right" vertical="center"/>
    </xf>
    <xf numFmtId="38" fontId="21" fillId="0" borderId="55" xfId="2" applyFont="1" applyFill="1" applyBorder="1" applyAlignment="1">
      <alignment horizontal="right" vertical="center"/>
    </xf>
    <xf numFmtId="0" fontId="21" fillId="0" borderId="53" xfId="4" applyFont="1" applyFill="1" applyBorder="1" applyAlignment="1">
      <alignment horizontal="center" vertical="center"/>
    </xf>
    <xf numFmtId="0" fontId="15" fillId="0" borderId="16" xfId="4" applyFont="1" applyFill="1" applyBorder="1" applyAlignment="1"/>
    <xf numFmtId="0" fontId="15" fillId="0" borderId="0" xfId="4" applyFont="1" applyFill="1" applyAlignment="1"/>
    <xf numFmtId="0" fontId="61" fillId="0" borderId="5" xfId="4" applyFont="1" applyFill="1" applyBorder="1" applyAlignment="1">
      <alignment horizontal="center"/>
    </xf>
    <xf numFmtId="0" fontId="61" fillId="0" borderId="0" xfId="4" applyFont="1" applyFill="1" applyBorder="1" applyAlignment="1">
      <alignment horizontal="center"/>
    </xf>
    <xf numFmtId="0" fontId="61" fillId="0" borderId="6" xfId="4" applyFont="1" applyFill="1" applyBorder="1" applyAlignment="1">
      <alignment horizontal="center"/>
    </xf>
    <xf numFmtId="0" fontId="47" fillId="0" borderId="1" xfId="4" applyFont="1" applyFill="1" applyBorder="1" applyAlignment="1">
      <alignment horizontal="center" vertical="center"/>
    </xf>
    <xf numFmtId="0" fontId="61" fillId="0" borderId="4" xfId="4" applyFont="1" applyFill="1" applyBorder="1" applyAlignment="1">
      <alignment horizontal="center"/>
    </xf>
    <xf numFmtId="0" fontId="61" fillId="0" borderId="2" xfId="4" applyFont="1" applyFill="1" applyBorder="1" applyAlignment="1">
      <alignment horizontal="center"/>
    </xf>
    <xf numFmtId="0" fontId="61" fillId="0" borderId="7" xfId="4" applyFont="1" applyFill="1" applyBorder="1" applyAlignment="1">
      <alignment horizontal="center"/>
    </xf>
    <xf numFmtId="0" fontId="61" fillId="0" borderId="14" xfId="4" applyFont="1" applyFill="1" applyBorder="1" applyAlignment="1">
      <alignment horizontal="center"/>
    </xf>
    <xf numFmtId="0" fontId="61" fillId="0" borderId="9" xfId="4" applyFont="1" applyFill="1" applyBorder="1" applyAlignment="1">
      <alignment horizontal="center"/>
    </xf>
    <xf numFmtId="0" fontId="61" fillId="0" borderId="10" xfId="4" applyFont="1" applyFill="1" applyBorder="1" applyAlignment="1">
      <alignment horizontal="center"/>
    </xf>
    <xf numFmtId="0" fontId="61" fillId="0" borderId="0" xfId="4" applyFont="1" applyFill="1" applyBorder="1" applyAlignment="1">
      <alignment horizontal="left"/>
    </xf>
    <xf numFmtId="0" fontId="61" fillId="0" borderId="6" xfId="4" applyFont="1" applyFill="1" applyBorder="1" applyAlignment="1">
      <alignment horizontal="left"/>
    </xf>
    <xf numFmtId="0" fontId="15" fillId="0" borderId="0" xfId="4" applyNumberFormat="1" applyFont="1" applyFill="1" applyAlignment="1"/>
    <xf numFmtId="0" fontId="47" fillId="0" borderId="0" xfId="4" applyFont="1" applyFill="1" applyBorder="1" applyAlignment="1">
      <alignment horizontal="distributed"/>
    </xf>
    <xf numFmtId="0" fontId="49" fillId="0" borderId="6" xfId="4" applyFont="1" applyFill="1" applyBorder="1" applyAlignment="1">
      <alignment horizontal="distributed"/>
    </xf>
    <xf numFmtId="0" fontId="9" fillId="0" borderId="41" xfId="4" applyFont="1" applyFill="1" applyBorder="1" applyAlignment="1">
      <alignment horizontal="center"/>
    </xf>
    <xf numFmtId="0" fontId="9" fillId="0" borderId="26" xfId="4" applyFont="1" applyFill="1" applyBorder="1" applyAlignment="1">
      <alignment horizontal="center"/>
    </xf>
    <xf numFmtId="0" fontId="9" fillId="0" borderId="27" xfId="4" applyFont="1" applyFill="1" applyBorder="1" applyAlignment="1">
      <alignment horizontal="center"/>
    </xf>
    <xf numFmtId="0" fontId="9" fillId="0" borderId="41" xfId="4" quotePrefix="1" applyFont="1" applyFill="1" applyBorder="1" applyAlignment="1">
      <alignment horizontal="center"/>
    </xf>
    <xf numFmtId="0" fontId="9" fillId="0" borderId="26" xfId="4" quotePrefix="1" applyFont="1" applyFill="1" applyBorder="1" applyAlignment="1">
      <alignment horizontal="center"/>
    </xf>
    <xf numFmtId="0" fontId="9" fillId="0" borderId="27" xfId="4" quotePrefix="1" applyFont="1" applyFill="1" applyBorder="1" applyAlignment="1">
      <alignment horizontal="center"/>
    </xf>
    <xf numFmtId="0" fontId="47" fillId="0" borderId="0" xfId="4" quotePrefix="1" applyFont="1" applyFill="1" applyBorder="1" applyAlignment="1">
      <alignment horizontal="distributed"/>
    </xf>
    <xf numFmtId="0" fontId="47" fillId="0" borderId="6" xfId="4" quotePrefix="1" applyFont="1" applyFill="1" applyBorder="1" applyAlignment="1">
      <alignment horizontal="distributed"/>
    </xf>
    <xf numFmtId="0" fontId="65" fillId="0" borderId="0" xfId="4" applyFont="1" applyFill="1" applyBorder="1" applyAlignment="1">
      <alignment horizontal="left"/>
    </xf>
    <xf numFmtId="0" fontId="65" fillId="0" borderId="6" xfId="4" applyFont="1" applyFill="1" applyBorder="1" applyAlignment="1">
      <alignment horizontal="left"/>
    </xf>
    <xf numFmtId="0" fontId="33" fillId="0" borderId="0" xfId="0" applyFont="1" applyFill="1" applyBorder="1" applyAlignment="1">
      <alignment horizontal="distributed"/>
    </xf>
    <xf numFmtId="0" fontId="0" fillId="0" borderId="6" xfId="0" applyFill="1" applyBorder="1" applyAlignment="1">
      <alignment horizontal="distributed"/>
    </xf>
    <xf numFmtId="0" fontId="33" fillId="0" borderId="0" xfId="0" quotePrefix="1" applyFont="1" applyFill="1" applyBorder="1" applyAlignment="1">
      <alignment horizontal="distributed"/>
    </xf>
    <xf numFmtId="0" fontId="33" fillId="0" borderId="6" xfId="0" quotePrefix="1" applyFont="1" applyFill="1" applyBorder="1" applyAlignment="1">
      <alignment horizontal="distributed"/>
    </xf>
    <xf numFmtId="0" fontId="9" fillId="0" borderId="0" xfId="0" applyFont="1" applyFill="1" applyBorder="1" applyAlignment="1">
      <alignment horizontal="left"/>
    </xf>
    <xf numFmtId="0" fontId="0" fillId="0" borderId="6" xfId="0" applyFill="1" applyBorder="1" applyAlignment="1">
      <alignment horizontal="left"/>
    </xf>
    <xf numFmtId="0" fontId="11" fillId="0" borderId="16" xfId="5" applyFont="1" applyBorder="1" applyAlignment="1">
      <alignment horizontal="center" vertical="center"/>
    </xf>
    <xf numFmtId="0" fontId="11" fillId="0" borderId="18" xfId="5" applyFont="1" applyBorder="1" applyAlignment="1">
      <alignment horizontal="center" vertical="center"/>
    </xf>
    <xf numFmtId="0" fontId="11" fillId="0" borderId="9" xfId="5" applyFont="1" applyBorder="1" applyAlignment="1">
      <alignment horizontal="center" vertical="center"/>
    </xf>
    <xf numFmtId="0" fontId="11" fillId="0" borderId="10" xfId="5" applyFont="1" applyBorder="1" applyAlignment="1">
      <alignment horizontal="center" vertical="center"/>
    </xf>
    <xf numFmtId="0" fontId="11" fillId="0" borderId="7" xfId="5" applyFont="1" applyBorder="1" applyAlignment="1">
      <alignment horizontal="center" vertical="center"/>
    </xf>
  </cellXfs>
  <cellStyles count="8">
    <cellStyle name="桁区切り" xfId="1" builtinId="6"/>
    <cellStyle name="桁区切り 2" xfId="2"/>
    <cellStyle name="標準" xfId="0" builtinId="0"/>
    <cellStyle name="標準 2" xfId="3"/>
    <cellStyle name="標準 3" xfId="4"/>
    <cellStyle name="標準 4" xfId="5"/>
    <cellStyle name="標準 4 2" xfId="6"/>
    <cellStyle name="標準_Book1" xfId="7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0</xdr:colOff>
      <xdr:row>29</xdr:row>
      <xdr:rowOff>0</xdr:rowOff>
    </xdr:from>
    <xdr:ext cx="314324" cy="238125"/>
    <xdr:sp macro="" textlink="">
      <xdr:nvSpPr>
        <xdr:cNvPr id="3" name="テキスト ボックス 2"/>
        <xdr:cNvSpPr txBox="1"/>
      </xdr:nvSpPr>
      <xdr:spPr>
        <a:xfrm>
          <a:off x="0" y="5372100"/>
          <a:ext cx="314324" cy="23812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square" rtlCol="0" anchor="t">
          <a:noAutofit/>
        </a:bodyPr>
        <a:lstStyle/>
        <a:p>
          <a:r>
            <a:rPr kumimoji="1" lang="ja-JP" altLang="en-US" sz="800"/>
            <a:t>～</a:t>
          </a: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57238</xdr:colOff>
      <xdr:row>67</xdr:row>
      <xdr:rowOff>73819</xdr:rowOff>
    </xdr:from>
    <xdr:to>
      <xdr:col>10</xdr:col>
      <xdr:colOff>126206</xdr:colOff>
      <xdr:row>70</xdr:row>
      <xdr:rowOff>30957</xdr:rowOff>
    </xdr:to>
    <xdr:sp macro="" textlink="">
      <xdr:nvSpPr>
        <xdr:cNvPr id="2" name="テキスト ボックス 1"/>
        <xdr:cNvSpPr txBox="1"/>
      </xdr:nvSpPr>
      <xdr:spPr>
        <a:xfrm>
          <a:off x="3424238" y="11446669"/>
          <a:ext cx="4283868" cy="47148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「平成</a:t>
          </a:r>
          <a:r>
            <a:rPr kumimoji="1" lang="en-US" altLang="ja-JP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27</a:t>
          </a:r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年中」の人口異動は調査して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61"/>
  <sheetViews>
    <sheetView tabSelected="1" zoomScaleNormal="100" workbookViewId="0"/>
  </sheetViews>
  <sheetFormatPr defaultRowHeight="12"/>
  <cols>
    <col min="1" max="1" width="4.625" style="16" customWidth="1"/>
    <col min="2" max="2" width="3.25" style="16" customWidth="1"/>
    <col min="3" max="3" width="5" style="16" customWidth="1"/>
    <col min="4" max="4" width="6.125" style="16" customWidth="1"/>
    <col min="5" max="8" width="13.125" style="16" customWidth="1"/>
    <col min="9" max="9" width="9.25" style="16" bestFit="1" customWidth="1"/>
    <col min="10" max="10" width="10.375" style="16" bestFit="1" customWidth="1"/>
    <col min="11" max="16384" width="9" style="2"/>
  </cols>
  <sheetData>
    <row r="1" spans="1:13" ht="18" customHeight="1">
      <c r="A1" s="15" t="s">
        <v>37</v>
      </c>
    </row>
    <row r="2" spans="1:13" ht="12" customHeight="1">
      <c r="A2" s="15"/>
    </row>
    <row r="3" spans="1:13" s="1" customFormat="1" ht="14.25" customHeight="1" thickBot="1">
      <c r="A3" s="57" t="s">
        <v>29</v>
      </c>
      <c r="B3" s="17"/>
      <c r="C3" s="17"/>
      <c r="D3" s="17"/>
      <c r="E3" s="17"/>
      <c r="F3" s="17"/>
      <c r="G3" s="17"/>
      <c r="H3" s="17"/>
      <c r="I3" s="17"/>
      <c r="J3" s="17"/>
    </row>
    <row r="4" spans="1:13" ht="12.75" thickTop="1">
      <c r="A4" s="1192" t="s">
        <v>3</v>
      </c>
      <c r="B4" s="1192"/>
      <c r="C4" s="1192"/>
      <c r="D4" s="1193"/>
      <c r="E4" s="1194" t="s">
        <v>4</v>
      </c>
      <c r="F4" s="18" t="s">
        <v>5</v>
      </c>
      <c r="G4" s="61" t="s">
        <v>6</v>
      </c>
      <c r="H4" s="18" t="s">
        <v>0</v>
      </c>
      <c r="I4" s="1196" t="s">
        <v>7</v>
      </c>
    </row>
    <row r="5" spans="1:13">
      <c r="A5" s="1163" t="s">
        <v>8</v>
      </c>
      <c r="B5" s="1163"/>
      <c r="C5" s="1163"/>
      <c r="D5" s="1198"/>
      <c r="E5" s="1195"/>
      <c r="F5" s="19" t="s">
        <v>9</v>
      </c>
      <c r="G5" s="62" t="s">
        <v>10</v>
      </c>
      <c r="H5" s="19" t="s">
        <v>11</v>
      </c>
      <c r="I5" s="1197"/>
    </row>
    <row r="6" spans="1:13">
      <c r="A6" s="1199" t="s">
        <v>2</v>
      </c>
      <c r="B6" s="1200" t="s">
        <v>12</v>
      </c>
      <c r="C6" s="65"/>
      <c r="D6" s="20"/>
      <c r="E6" s="21" t="s">
        <v>13</v>
      </c>
      <c r="F6" s="22" t="s">
        <v>13</v>
      </c>
      <c r="G6" s="21" t="s">
        <v>13</v>
      </c>
      <c r="H6" s="22" t="s">
        <v>13</v>
      </c>
      <c r="I6" s="23" t="s">
        <v>13</v>
      </c>
    </row>
    <row r="7" spans="1:13">
      <c r="A7" s="1176"/>
      <c r="B7" s="1201"/>
      <c r="C7" s="24" t="s">
        <v>48</v>
      </c>
      <c r="D7" s="25" t="s">
        <v>51</v>
      </c>
      <c r="E7" s="26">
        <v>9201825</v>
      </c>
      <c r="F7" s="27">
        <v>1094402</v>
      </c>
      <c r="G7" s="26">
        <v>5712800</v>
      </c>
      <c r="H7" s="27">
        <v>2311697</v>
      </c>
      <c r="I7" s="28">
        <v>82926</v>
      </c>
      <c r="J7" s="29"/>
      <c r="K7" s="54"/>
    </row>
    <row r="8" spans="1:13">
      <c r="A8" s="1176"/>
      <c r="B8" s="1201"/>
      <c r="C8" s="24" t="s">
        <v>49</v>
      </c>
      <c r="D8" s="25" t="s">
        <v>45</v>
      </c>
      <c r="E8" s="26">
        <v>9181625</v>
      </c>
      <c r="F8" s="27">
        <v>1106141</v>
      </c>
      <c r="G8" s="26">
        <v>5704254</v>
      </c>
      <c r="H8" s="27">
        <v>2288304</v>
      </c>
      <c r="I8" s="28">
        <v>82926</v>
      </c>
      <c r="J8" s="29"/>
      <c r="K8" s="54"/>
    </row>
    <row r="9" spans="1:13">
      <c r="A9" s="1176"/>
      <c r="B9" s="1201"/>
      <c r="C9" s="65"/>
      <c r="D9" s="25" t="s">
        <v>42</v>
      </c>
      <c r="E9" s="26">
        <v>9163279</v>
      </c>
      <c r="F9" s="27">
        <v>1117039</v>
      </c>
      <c r="G9" s="26">
        <v>5703570</v>
      </c>
      <c r="H9" s="27">
        <v>2259744</v>
      </c>
      <c r="I9" s="28">
        <v>82926</v>
      </c>
      <c r="J9" s="29"/>
      <c r="K9" s="54"/>
    </row>
    <row r="10" spans="1:13">
      <c r="A10" s="1176"/>
      <c r="B10" s="1201"/>
      <c r="C10" s="65"/>
      <c r="D10" s="25" t="s">
        <v>40</v>
      </c>
      <c r="E10" s="26">
        <v>9147400</v>
      </c>
      <c r="F10" s="27">
        <v>1128426</v>
      </c>
      <c r="G10" s="26">
        <v>5715800</v>
      </c>
      <c r="H10" s="27">
        <v>2220248</v>
      </c>
      <c r="I10" s="28">
        <v>82926</v>
      </c>
      <c r="J10" s="29"/>
      <c r="K10" s="54"/>
    </row>
    <row r="11" spans="1:13">
      <c r="A11" s="1176"/>
      <c r="B11" s="1202"/>
      <c r="C11" s="66"/>
      <c r="D11" s="25" t="s">
        <v>41</v>
      </c>
      <c r="E11" s="26">
        <v>9128037</v>
      </c>
      <c r="F11" s="27">
        <v>1137781</v>
      </c>
      <c r="G11" s="26">
        <v>5735512</v>
      </c>
      <c r="H11" s="27">
        <v>2171818</v>
      </c>
      <c r="I11" s="28">
        <v>82926</v>
      </c>
      <c r="J11" s="29"/>
      <c r="K11" s="54"/>
    </row>
    <row r="12" spans="1:13">
      <c r="A12" s="1176"/>
      <c r="B12" s="1200" t="s">
        <v>34</v>
      </c>
      <c r="C12" s="65"/>
      <c r="D12" s="30"/>
      <c r="E12" s="31" t="s">
        <v>15</v>
      </c>
      <c r="F12" s="32" t="s">
        <v>15</v>
      </c>
      <c r="G12" s="31" t="s">
        <v>15</v>
      </c>
      <c r="H12" s="32" t="s">
        <v>15</v>
      </c>
      <c r="I12" s="1186"/>
    </row>
    <row r="13" spans="1:13">
      <c r="A13" s="1176"/>
      <c r="B13" s="1201"/>
      <c r="C13" s="24" t="s">
        <v>48</v>
      </c>
      <c r="D13" s="25" t="s">
        <v>51</v>
      </c>
      <c r="E13" s="53" t="s">
        <v>43</v>
      </c>
      <c r="F13" s="5">
        <v>12.001470791594468</v>
      </c>
      <c r="G13" s="5">
        <v>62.64791396417484</v>
      </c>
      <c r="H13" s="4">
        <v>25.350615244230688</v>
      </c>
      <c r="I13" s="1182"/>
      <c r="K13" s="8"/>
      <c r="L13" s="8"/>
      <c r="M13" s="8"/>
    </row>
    <row r="14" spans="1:13">
      <c r="A14" s="1176"/>
      <c r="B14" s="1201"/>
      <c r="C14" s="24" t="s">
        <v>49</v>
      </c>
      <c r="D14" s="25" t="s">
        <v>45</v>
      </c>
      <c r="E14" s="53" t="s">
        <v>44</v>
      </c>
      <c r="F14" s="5">
        <v>12.157133673726321</v>
      </c>
      <c r="G14" s="5">
        <v>62.693072932734673</v>
      </c>
      <c r="H14" s="4">
        <v>25.14979339353901</v>
      </c>
      <c r="I14" s="1182"/>
      <c r="J14" s="33"/>
      <c r="L14" s="64"/>
    </row>
    <row r="15" spans="1:13">
      <c r="A15" s="1176"/>
      <c r="B15" s="1201"/>
      <c r="C15" s="65"/>
      <c r="D15" s="25" t="s">
        <v>42</v>
      </c>
      <c r="E15" s="53" t="s">
        <v>44</v>
      </c>
      <c r="F15" s="5">
        <v>12.301713380526065</v>
      </c>
      <c r="G15" s="5">
        <v>62.812205648833256</v>
      </c>
      <c r="H15" s="4">
        <v>24.886080970640677</v>
      </c>
      <c r="I15" s="1182"/>
    </row>
    <row r="16" spans="1:13">
      <c r="A16" s="1176"/>
      <c r="B16" s="1201"/>
      <c r="C16" s="65"/>
      <c r="D16" s="25" t="s">
        <v>40</v>
      </c>
      <c r="E16" s="53" t="s">
        <v>44</v>
      </c>
      <c r="F16" s="5">
        <v>12.448885616528878</v>
      </c>
      <c r="G16" s="5">
        <v>63.057161397340863</v>
      </c>
      <c r="H16" s="4">
        <v>24.49395298613025</v>
      </c>
      <c r="I16" s="1182"/>
    </row>
    <row r="17" spans="1:16" ht="12.75" thickBot="1">
      <c r="A17" s="1177"/>
      <c r="B17" s="1203"/>
      <c r="C17" s="34"/>
      <c r="D17" s="25" t="s">
        <v>41</v>
      </c>
      <c r="E17" s="53" t="s">
        <v>44</v>
      </c>
      <c r="F17" s="12">
        <v>12.578961164766248</v>
      </c>
      <c r="G17" s="5">
        <v>63.410078660173433</v>
      </c>
      <c r="H17" s="4">
        <v>24.010960175060315</v>
      </c>
      <c r="I17" s="1187"/>
    </row>
    <row r="18" spans="1:16" ht="12.75" thickTop="1">
      <c r="A18" s="1175" t="s">
        <v>16</v>
      </c>
      <c r="B18" s="1178" t="s">
        <v>17</v>
      </c>
      <c r="C18" s="35"/>
      <c r="D18" s="36"/>
      <c r="E18" s="37" t="s">
        <v>30</v>
      </c>
      <c r="F18" s="38" t="s">
        <v>30</v>
      </c>
      <c r="G18" s="37" t="s">
        <v>30</v>
      </c>
      <c r="H18" s="39" t="s">
        <v>30</v>
      </c>
      <c r="I18" s="1181"/>
      <c r="L18" s="14"/>
      <c r="M18" s="14"/>
      <c r="N18" s="14"/>
      <c r="O18" s="14"/>
    </row>
    <row r="19" spans="1:16">
      <c r="A19" s="1176"/>
      <c r="B19" s="1179"/>
      <c r="C19" s="40" t="s">
        <v>48</v>
      </c>
      <c r="D19" s="25" t="s">
        <v>51</v>
      </c>
      <c r="E19" s="26">
        <v>12599</v>
      </c>
      <c r="F19" s="27">
        <v>1516</v>
      </c>
      <c r="G19" s="26">
        <v>7490</v>
      </c>
      <c r="H19" s="27">
        <v>3593</v>
      </c>
      <c r="I19" s="1182"/>
      <c r="L19" s="55"/>
      <c r="M19" s="55"/>
      <c r="N19" s="55"/>
      <c r="O19" s="55"/>
      <c r="P19" s="16"/>
    </row>
    <row r="20" spans="1:16">
      <c r="A20" s="1176"/>
      <c r="B20" s="1179"/>
      <c r="C20" s="24" t="s">
        <v>33</v>
      </c>
      <c r="D20" s="25" t="s">
        <v>45</v>
      </c>
      <c r="E20" s="26">
        <v>12631.7</v>
      </c>
      <c r="F20" s="41">
        <v>1537.6</v>
      </c>
      <c r="G20" s="26">
        <v>7531.7</v>
      </c>
      <c r="H20" s="27">
        <v>3562.4</v>
      </c>
      <c r="I20" s="1182"/>
      <c r="J20" s="42"/>
    </row>
    <row r="21" spans="1:16">
      <c r="A21" s="1176"/>
      <c r="B21" s="1179"/>
      <c r="C21" s="35"/>
      <c r="D21" s="25" t="s">
        <v>42</v>
      </c>
      <c r="E21" s="26">
        <v>12659.2</v>
      </c>
      <c r="F21" s="27">
        <v>1555.7</v>
      </c>
      <c r="G21" s="26">
        <v>7580.7</v>
      </c>
      <c r="H21" s="27">
        <v>3522.8</v>
      </c>
      <c r="I21" s="1182"/>
    </row>
    <row r="22" spans="1:16">
      <c r="A22" s="1176"/>
      <c r="B22" s="1179"/>
      <c r="C22" s="35"/>
      <c r="D22" s="25" t="s">
        <v>40</v>
      </c>
      <c r="E22" s="26">
        <v>12682.2</v>
      </c>
      <c r="F22" s="27">
        <v>1573.8</v>
      </c>
      <c r="G22" s="26">
        <v>7638.5</v>
      </c>
      <c r="H22" s="27">
        <v>3469.9</v>
      </c>
      <c r="I22" s="1182"/>
    </row>
    <row r="23" spans="1:16">
      <c r="A23" s="1176"/>
      <c r="B23" s="1180"/>
      <c r="C23" s="43"/>
      <c r="D23" s="25" t="s">
        <v>41</v>
      </c>
      <c r="E23" s="26">
        <v>12703</v>
      </c>
      <c r="F23" s="27">
        <v>1591</v>
      </c>
      <c r="G23" s="26">
        <v>7707</v>
      </c>
      <c r="H23" s="27">
        <v>3405</v>
      </c>
      <c r="I23" s="1183"/>
    </row>
    <row r="24" spans="1:16">
      <c r="A24" s="1176"/>
      <c r="B24" s="1184" t="s">
        <v>14</v>
      </c>
      <c r="C24" s="35"/>
      <c r="D24" s="30"/>
      <c r="E24" s="31" t="s">
        <v>15</v>
      </c>
      <c r="F24" s="32" t="s">
        <v>15</v>
      </c>
      <c r="G24" s="31" t="s">
        <v>15</v>
      </c>
      <c r="H24" s="44" t="s">
        <v>15</v>
      </c>
      <c r="I24" s="1186"/>
    </row>
    <row r="25" spans="1:16" ht="13.5" customHeight="1">
      <c r="A25" s="1176"/>
      <c r="B25" s="1179"/>
      <c r="C25" s="40" t="s">
        <v>48</v>
      </c>
      <c r="D25" s="25" t="s">
        <v>51</v>
      </c>
      <c r="E25" s="5">
        <v>100</v>
      </c>
      <c r="F25" s="4">
        <v>12.03270100801651</v>
      </c>
      <c r="G25" s="5">
        <v>59.44916263195492</v>
      </c>
      <c r="H25" s="5">
        <v>28.518136360028574</v>
      </c>
      <c r="I25" s="1182"/>
      <c r="K25" s="8"/>
      <c r="L25" s="8"/>
      <c r="M25" s="8"/>
    </row>
    <row r="26" spans="1:16" ht="13.5" customHeight="1">
      <c r="A26" s="1176"/>
      <c r="B26" s="1179"/>
      <c r="C26" s="40" t="s">
        <v>33</v>
      </c>
      <c r="D26" s="25" t="s">
        <v>45</v>
      </c>
      <c r="E26" s="5">
        <v>100</v>
      </c>
      <c r="F26" s="4">
        <v>12.172550013062374</v>
      </c>
      <c r="G26" s="5">
        <v>59.625386923375309</v>
      </c>
      <c r="H26" s="5">
        <v>28.202063063562306</v>
      </c>
      <c r="I26" s="1182"/>
    </row>
    <row r="27" spans="1:16" ht="13.5" customHeight="1">
      <c r="A27" s="1176"/>
      <c r="B27" s="1179"/>
      <c r="C27" s="35"/>
      <c r="D27" s="25" t="s">
        <v>42</v>
      </c>
      <c r="E27" s="5">
        <v>100</v>
      </c>
      <c r="F27" s="4">
        <v>12.28908619817998</v>
      </c>
      <c r="G27" s="5">
        <v>59.882930990899894</v>
      </c>
      <c r="H27" s="5">
        <v>27.827982810920123</v>
      </c>
      <c r="I27" s="1182"/>
    </row>
    <row r="28" spans="1:16" ht="13.5" customHeight="1">
      <c r="A28" s="1176"/>
      <c r="B28" s="1179"/>
      <c r="C28" s="35"/>
      <c r="D28" s="25" t="s">
        <v>40</v>
      </c>
      <c r="E28" s="5">
        <v>100</v>
      </c>
      <c r="F28" s="4">
        <v>12.409518853195816</v>
      </c>
      <c r="G28" s="5">
        <v>60.230086262635815</v>
      </c>
      <c r="H28" s="5">
        <v>27.360394884168361</v>
      </c>
      <c r="I28" s="1182"/>
    </row>
    <row r="29" spans="1:16" ht="14.25" customHeight="1" thickBot="1">
      <c r="A29" s="1177"/>
      <c r="B29" s="1185"/>
      <c r="C29" s="35"/>
      <c r="D29" s="25" t="s">
        <v>41</v>
      </c>
      <c r="E29" s="5">
        <v>100</v>
      </c>
      <c r="F29" s="4">
        <v>12.524600488073684</v>
      </c>
      <c r="G29" s="5">
        <v>60.670707706840901</v>
      </c>
      <c r="H29" s="5">
        <v>26.804691805085412</v>
      </c>
      <c r="I29" s="1187"/>
    </row>
    <row r="30" spans="1:16" ht="9" customHeight="1" thickTop="1">
      <c r="A30" s="45"/>
      <c r="B30" s="46"/>
      <c r="C30" s="46"/>
      <c r="D30" s="36"/>
      <c r="E30" s="47"/>
      <c r="F30" s="47"/>
      <c r="G30" s="47"/>
      <c r="H30" s="47"/>
      <c r="I30" s="47"/>
    </row>
    <row r="31" spans="1:16" s="3" customFormat="1" ht="14.25" customHeight="1">
      <c r="A31" s="20" t="s">
        <v>39</v>
      </c>
      <c r="B31" s="1188" t="s">
        <v>50</v>
      </c>
      <c r="C31" s="1188"/>
      <c r="D31" s="1188"/>
      <c r="E31" s="1188"/>
      <c r="F31" s="1188"/>
      <c r="G31" s="1188"/>
      <c r="H31" s="1188"/>
      <c r="I31" s="1188"/>
      <c r="J31" s="20"/>
    </row>
    <row r="32" spans="1:16" s="3" customFormat="1" ht="14.25" customHeight="1">
      <c r="A32" s="20"/>
      <c r="B32" s="1189" t="s">
        <v>38</v>
      </c>
      <c r="C32" s="1189"/>
      <c r="D32" s="1189"/>
      <c r="E32" s="1189"/>
      <c r="F32" s="1189"/>
      <c r="G32" s="1189"/>
      <c r="H32" s="1189"/>
      <c r="I32" s="1189"/>
      <c r="J32" s="20"/>
    </row>
    <row r="33" spans="1:14" s="3" customFormat="1" ht="14.25" customHeight="1">
      <c r="A33" s="20"/>
      <c r="B33" s="1188" t="s">
        <v>46</v>
      </c>
      <c r="C33" s="1188"/>
      <c r="D33" s="1188"/>
      <c r="E33" s="1188"/>
      <c r="F33" s="1188"/>
      <c r="G33" s="1188"/>
      <c r="H33" s="1188"/>
      <c r="I33" s="1188"/>
      <c r="J33" s="20"/>
    </row>
    <row r="34" spans="1:14" ht="14.25" customHeight="1">
      <c r="B34" s="1190" t="s">
        <v>36</v>
      </c>
      <c r="C34" s="1190"/>
      <c r="D34" s="1190"/>
      <c r="E34" s="1190"/>
      <c r="F34" s="1190"/>
      <c r="G34" s="1190"/>
      <c r="H34" s="1190"/>
      <c r="I34" s="1190"/>
    </row>
    <row r="35" spans="1:14" s="3" customFormat="1" ht="14.25" customHeight="1">
      <c r="A35" s="20"/>
      <c r="B35" s="1189" t="s">
        <v>47</v>
      </c>
      <c r="C35" s="1189"/>
      <c r="D35" s="1189"/>
      <c r="E35" s="1189"/>
      <c r="F35" s="1189"/>
      <c r="G35" s="1189"/>
      <c r="H35" s="1189"/>
      <c r="I35" s="1189"/>
      <c r="J35" s="20"/>
    </row>
    <row r="36" spans="1:14" ht="7.5" customHeight="1">
      <c r="B36" s="1191"/>
      <c r="C36" s="1191"/>
      <c r="D36" s="1191"/>
      <c r="E36" s="1191"/>
      <c r="F36" s="1191"/>
      <c r="G36" s="1191"/>
      <c r="H36" s="1191"/>
      <c r="I36" s="1191"/>
    </row>
    <row r="37" spans="1:14">
      <c r="B37" s="48"/>
      <c r="C37" s="48"/>
      <c r="D37" s="48"/>
      <c r="E37" s="48"/>
      <c r="F37" s="48"/>
      <c r="G37" s="48"/>
      <c r="H37" s="48"/>
      <c r="I37" s="48"/>
    </row>
    <row r="38" spans="1:14" s="1" customFormat="1" ht="14.25" thickBot="1">
      <c r="A38" s="57" t="s">
        <v>31</v>
      </c>
      <c r="B38" s="17"/>
      <c r="C38" s="17"/>
      <c r="D38" s="17"/>
      <c r="E38" s="17"/>
      <c r="F38" s="17"/>
      <c r="G38" s="17"/>
      <c r="H38" s="17"/>
      <c r="I38" s="17"/>
      <c r="J38" s="17"/>
    </row>
    <row r="39" spans="1:14" ht="12.75" thickTop="1">
      <c r="A39" s="1173" t="s">
        <v>32</v>
      </c>
      <c r="B39" s="1173"/>
      <c r="C39" s="1173"/>
      <c r="D39" s="1174"/>
      <c r="E39" s="67" t="s">
        <v>1</v>
      </c>
      <c r="F39" s="18" t="s">
        <v>19</v>
      </c>
      <c r="G39" s="67" t="s">
        <v>20</v>
      </c>
      <c r="H39" s="1140" t="s">
        <v>21</v>
      </c>
    </row>
    <row r="40" spans="1:14">
      <c r="A40" s="1165" t="s">
        <v>22</v>
      </c>
      <c r="B40" s="1166"/>
      <c r="C40" s="40" t="s">
        <v>48</v>
      </c>
      <c r="D40" s="25" t="s">
        <v>51</v>
      </c>
      <c r="E40" s="7">
        <v>19.2</v>
      </c>
      <c r="F40" s="6">
        <v>40.5</v>
      </c>
      <c r="G40" s="7">
        <v>59.6</v>
      </c>
      <c r="H40" s="1141">
        <v>211.2</v>
      </c>
    </row>
    <row r="41" spans="1:14">
      <c r="A41" s="1167"/>
      <c r="B41" s="1168"/>
      <c r="C41" s="24" t="s">
        <v>49</v>
      </c>
      <c r="D41" s="25" t="s">
        <v>45</v>
      </c>
      <c r="E41" s="5">
        <v>19.399999999999999</v>
      </c>
      <c r="F41" s="4">
        <v>40.1</v>
      </c>
      <c r="G41" s="5">
        <v>59.5</v>
      </c>
      <c r="H41" s="9">
        <v>206.9</v>
      </c>
    </row>
    <row r="42" spans="1:14">
      <c r="A42" s="1167"/>
      <c r="B42" s="1168"/>
      <c r="C42" s="35"/>
      <c r="D42" s="25" t="s">
        <v>42</v>
      </c>
      <c r="E42" s="9">
        <v>19.584909100791258</v>
      </c>
      <c r="F42" s="5">
        <v>39.619817061945412</v>
      </c>
      <c r="G42" s="9">
        <v>59.204726162736677</v>
      </c>
      <c r="H42" s="9">
        <v>202.29768163868945</v>
      </c>
    </row>
    <row r="43" spans="1:14">
      <c r="A43" s="1167"/>
      <c r="B43" s="1168"/>
      <c r="C43" s="35"/>
      <c r="D43" s="25" t="s">
        <v>40</v>
      </c>
      <c r="E43" s="5">
        <v>19.742223310822631</v>
      </c>
      <c r="F43" s="4">
        <v>38.844046327723156</v>
      </c>
      <c r="G43" s="5">
        <v>58.586269638545787</v>
      </c>
      <c r="H43" s="9">
        <v>196.75618959506426</v>
      </c>
    </row>
    <row r="44" spans="1:14">
      <c r="A44" s="1169"/>
      <c r="B44" s="1170"/>
      <c r="C44" s="35"/>
      <c r="D44" s="63" t="s">
        <v>41</v>
      </c>
      <c r="E44" s="10">
        <v>19.837479199764555</v>
      </c>
      <c r="F44" s="11">
        <v>37.866157371826617</v>
      </c>
      <c r="G44" s="10">
        <v>57.703636571591169</v>
      </c>
      <c r="H44" s="1142">
        <v>190.88190082274181</v>
      </c>
    </row>
    <row r="45" spans="1:14">
      <c r="A45" s="1165" t="s">
        <v>23</v>
      </c>
      <c r="B45" s="1166"/>
      <c r="C45" s="58" t="s">
        <v>48</v>
      </c>
      <c r="D45" s="25" t="s">
        <v>51</v>
      </c>
      <c r="E45" s="7">
        <v>20.240320427236316</v>
      </c>
      <c r="F45" s="7">
        <v>47.970627503337781</v>
      </c>
      <c r="G45" s="7">
        <v>68.210947930574093</v>
      </c>
      <c r="H45" s="1141">
        <v>237.00527704485489</v>
      </c>
      <c r="K45" s="56"/>
      <c r="L45" s="56"/>
      <c r="M45" s="56"/>
      <c r="N45" s="56"/>
    </row>
    <row r="46" spans="1:14">
      <c r="A46" s="1167"/>
      <c r="B46" s="1168"/>
      <c r="C46" s="24" t="s">
        <v>33</v>
      </c>
      <c r="D46" s="25" t="s">
        <v>45</v>
      </c>
      <c r="E46" s="5">
        <v>20.415045740005574</v>
      </c>
      <c r="F46" s="4">
        <v>47.298750614071196</v>
      </c>
      <c r="G46" s="9">
        <v>67.713796354076777</v>
      </c>
      <c r="H46" s="9">
        <v>231.68574401664935</v>
      </c>
    </row>
    <row r="47" spans="1:14">
      <c r="A47" s="1167"/>
      <c r="B47" s="1168"/>
      <c r="C47" s="49"/>
      <c r="D47" s="25" t="s">
        <v>42</v>
      </c>
      <c r="E47" s="5">
        <v>20.521851544</v>
      </c>
      <c r="F47" s="9">
        <v>46.470642552000001</v>
      </c>
      <c r="G47" s="9">
        <v>66.992494096000001</v>
      </c>
      <c r="H47" s="9">
        <v>226.44468727899999</v>
      </c>
    </row>
    <row r="48" spans="1:14">
      <c r="A48" s="1167"/>
      <c r="B48" s="1168"/>
      <c r="C48" s="49"/>
      <c r="D48" s="25" t="s">
        <v>40</v>
      </c>
      <c r="E48" s="5">
        <v>20.604830791385741</v>
      </c>
      <c r="F48" s="4">
        <v>45.427767231786348</v>
      </c>
      <c r="G48" s="5">
        <v>66.032598023172085</v>
      </c>
      <c r="H48" s="9">
        <v>220.47144037105281</v>
      </c>
    </row>
    <row r="49" spans="1:8" ht="12.75" thickBot="1">
      <c r="A49" s="1171"/>
      <c r="B49" s="1172"/>
      <c r="C49" s="50"/>
      <c r="D49" s="51" t="s">
        <v>41</v>
      </c>
      <c r="E49" s="12">
        <v>20.644332572140335</v>
      </c>
      <c r="F49" s="13">
        <v>44.17427859663691</v>
      </c>
      <c r="G49" s="12">
        <v>64.818611168777252</v>
      </c>
      <c r="H49" s="1143">
        <v>213.97775124127963</v>
      </c>
    </row>
    <row r="50" spans="1:8" ht="12" customHeight="1" thickTop="1"/>
    <row r="51" spans="1:8">
      <c r="A51" s="1161" t="s">
        <v>18</v>
      </c>
      <c r="B51" s="1161">
        <v>1</v>
      </c>
      <c r="C51" s="59"/>
      <c r="D51" s="1162" t="s">
        <v>24</v>
      </c>
      <c r="E51" s="1162"/>
      <c r="F51" s="1163" t="s">
        <v>5</v>
      </c>
      <c r="G51" s="1163"/>
      <c r="H51" s="1161" t="s">
        <v>25</v>
      </c>
    </row>
    <row r="52" spans="1:8">
      <c r="A52" s="1161"/>
      <c r="B52" s="1161"/>
      <c r="C52" s="59"/>
      <c r="D52" s="1162"/>
      <c r="E52" s="1162"/>
      <c r="F52" s="1164" t="s">
        <v>6</v>
      </c>
      <c r="G52" s="1164"/>
      <c r="H52" s="1161"/>
    </row>
    <row r="53" spans="1:8" ht="9" customHeight="1">
      <c r="A53" s="59"/>
      <c r="B53" s="59"/>
      <c r="C53" s="59"/>
      <c r="D53" s="60"/>
      <c r="E53" s="60"/>
      <c r="F53" s="52"/>
      <c r="G53" s="52"/>
      <c r="H53" s="59"/>
    </row>
    <row r="54" spans="1:8">
      <c r="B54" s="1161">
        <v>2</v>
      </c>
      <c r="C54" s="59"/>
      <c r="D54" s="1162" t="s">
        <v>26</v>
      </c>
      <c r="E54" s="1162"/>
      <c r="F54" s="1163" t="s">
        <v>0</v>
      </c>
      <c r="G54" s="1163"/>
      <c r="H54" s="1161" t="s">
        <v>25</v>
      </c>
    </row>
    <row r="55" spans="1:8">
      <c r="B55" s="1161"/>
      <c r="C55" s="59"/>
      <c r="D55" s="1162"/>
      <c r="E55" s="1162"/>
      <c r="F55" s="1164" t="s">
        <v>6</v>
      </c>
      <c r="G55" s="1164"/>
      <c r="H55" s="1161"/>
    </row>
    <row r="56" spans="1:8" ht="9" customHeight="1">
      <c r="B56" s="59"/>
      <c r="C56" s="59"/>
      <c r="D56" s="60"/>
      <c r="E56" s="60"/>
      <c r="F56" s="52"/>
      <c r="G56" s="52"/>
      <c r="H56" s="59"/>
    </row>
    <row r="57" spans="1:8">
      <c r="B57" s="1161">
        <v>3</v>
      </c>
      <c r="C57" s="59"/>
      <c r="D57" s="1162" t="s">
        <v>27</v>
      </c>
      <c r="E57" s="1162"/>
      <c r="F57" s="1163" t="s">
        <v>28</v>
      </c>
      <c r="G57" s="1163"/>
      <c r="H57" s="1161" t="s">
        <v>25</v>
      </c>
    </row>
    <row r="58" spans="1:8">
      <c r="B58" s="1161"/>
      <c r="C58" s="59"/>
      <c r="D58" s="1162"/>
      <c r="E58" s="1162"/>
      <c r="F58" s="1164" t="s">
        <v>6</v>
      </c>
      <c r="G58" s="1164"/>
      <c r="H58" s="1161"/>
    </row>
    <row r="59" spans="1:8" ht="9" customHeight="1">
      <c r="B59" s="59"/>
      <c r="C59" s="59"/>
      <c r="D59" s="60"/>
      <c r="E59" s="60"/>
      <c r="F59" s="52"/>
      <c r="G59" s="52"/>
      <c r="H59" s="59"/>
    </row>
    <row r="60" spans="1:8">
      <c r="B60" s="1161">
        <v>4</v>
      </c>
      <c r="C60" s="59"/>
      <c r="D60" s="1162" t="s">
        <v>35</v>
      </c>
      <c r="E60" s="1162"/>
      <c r="F60" s="1163" t="s">
        <v>0</v>
      </c>
      <c r="G60" s="1163"/>
      <c r="H60" s="1161" t="s">
        <v>25</v>
      </c>
    </row>
    <row r="61" spans="1:8">
      <c r="B61" s="1161"/>
      <c r="C61" s="59"/>
      <c r="D61" s="1162"/>
      <c r="E61" s="1162"/>
      <c r="F61" s="1164" t="s">
        <v>5</v>
      </c>
      <c r="G61" s="1164"/>
      <c r="H61" s="1161"/>
    </row>
  </sheetData>
  <mergeCells count="43">
    <mergeCell ref="A4:D4"/>
    <mergeCell ref="E4:E5"/>
    <mergeCell ref="I4:I5"/>
    <mergeCell ref="A5:D5"/>
    <mergeCell ref="A6:A17"/>
    <mergeCell ref="B6:B11"/>
    <mergeCell ref="B12:B17"/>
    <mergeCell ref="I12:I17"/>
    <mergeCell ref="A39:D39"/>
    <mergeCell ref="A18:A29"/>
    <mergeCell ref="B18:B23"/>
    <mergeCell ref="I18:I23"/>
    <mergeCell ref="B24:B29"/>
    <mergeCell ref="I24:I29"/>
    <mergeCell ref="B31:I31"/>
    <mergeCell ref="B32:I32"/>
    <mergeCell ref="B33:I33"/>
    <mergeCell ref="B34:I34"/>
    <mergeCell ref="B35:I35"/>
    <mergeCell ref="B36:I36"/>
    <mergeCell ref="A40:B44"/>
    <mergeCell ref="A45:B49"/>
    <mergeCell ref="A51:A52"/>
    <mergeCell ref="B51:B52"/>
    <mergeCell ref="D51:E52"/>
    <mergeCell ref="H51:H52"/>
    <mergeCell ref="F52:G52"/>
    <mergeCell ref="B54:B55"/>
    <mergeCell ref="D54:E55"/>
    <mergeCell ref="F54:G54"/>
    <mergeCell ref="H54:H55"/>
    <mergeCell ref="F55:G55"/>
    <mergeCell ref="F51:G51"/>
    <mergeCell ref="B60:B61"/>
    <mergeCell ref="D60:E61"/>
    <mergeCell ref="F60:G60"/>
    <mergeCell ref="H60:H61"/>
    <mergeCell ref="F61:G61"/>
    <mergeCell ref="B57:B58"/>
    <mergeCell ref="D57:E58"/>
    <mergeCell ref="F57:G57"/>
    <mergeCell ref="H57:H58"/>
    <mergeCell ref="F58:G58"/>
  </mergeCells>
  <phoneticPr fontId="2"/>
  <printOptions horizontalCentered="1"/>
  <pageMargins left="0.98425196850393704" right="0.78740157480314965" top="0.78740157480314965" bottom="0.9055118110236221" header="0.51181102362204722" footer="0.19685039370078741"/>
  <pageSetup paperSize="9" firstPageNumber="7" orientation="portrait" blackAndWhite="1" r:id="rId1"/>
  <headerFooter alignWithMargins="0">
    <oddFooter>&amp;C&amp;"ＭＳ Ｐゴシック,太字"-9-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Normal="100" workbookViewId="0"/>
  </sheetViews>
  <sheetFormatPr defaultRowHeight="13.5"/>
  <cols>
    <col min="1" max="1" width="16.25" style="165" customWidth="1"/>
    <col min="2" max="5" width="9.625" style="423" customWidth="1"/>
    <col min="6" max="6" width="7.625" style="423" customWidth="1"/>
    <col min="7" max="10" width="9.625" style="423" customWidth="1"/>
    <col min="11" max="11" width="7.625" style="423" customWidth="1"/>
    <col min="12" max="12" width="8.75" style="423" customWidth="1"/>
    <col min="13" max="15" width="8.625" style="423" customWidth="1"/>
    <col min="16" max="16" width="7.625" style="423" hidden="1" customWidth="1"/>
    <col min="17" max="21" width="7.25" style="423" customWidth="1"/>
    <col min="22" max="24" width="8.125" style="423" customWidth="1"/>
    <col min="25" max="25" width="7.875" style="423" customWidth="1"/>
    <col min="26" max="26" width="8.875" style="423" customWidth="1"/>
    <col min="27" max="27" width="3.875" style="423" customWidth="1"/>
    <col min="28" max="16384" width="9" style="165"/>
  </cols>
  <sheetData>
    <row r="1" spans="1:27" ht="15.95" customHeight="1" thickBot="1">
      <c r="A1" s="493" t="s">
        <v>437</v>
      </c>
      <c r="L1" s="544"/>
      <c r="M1" s="544"/>
      <c r="N1" s="544"/>
      <c r="O1" s="1149" t="s">
        <v>438</v>
      </c>
      <c r="P1" s="1149"/>
      <c r="Q1" s="544"/>
      <c r="R1" s="544"/>
      <c r="S1" s="1149"/>
      <c r="T1" s="1149"/>
      <c r="U1" s="1149"/>
      <c r="V1" s="544"/>
      <c r="W1" s="544"/>
      <c r="X1" s="544"/>
      <c r="Y1" s="544"/>
      <c r="Z1" s="544"/>
    </row>
    <row r="2" spans="1:27" ht="15" customHeight="1" thickTop="1">
      <c r="A2" s="494"/>
      <c r="B2" s="1273" t="s">
        <v>439</v>
      </c>
      <c r="C2" s="1274"/>
      <c r="D2" s="1274"/>
      <c r="E2" s="1274"/>
      <c r="F2" s="1275"/>
      <c r="G2" s="1273" t="s">
        <v>440</v>
      </c>
      <c r="H2" s="1274"/>
      <c r="I2" s="1274"/>
      <c r="J2" s="1274"/>
      <c r="K2" s="1274"/>
      <c r="L2" s="1284" t="s">
        <v>441</v>
      </c>
      <c r="M2" s="1284"/>
      <c r="N2" s="1284"/>
      <c r="O2" s="1285"/>
      <c r="P2" s="495"/>
      <c r="Q2" s="1273" t="s">
        <v>442</v>
      </c>
      <c r="R2" s="1274"/>
      <c r="S2" s="1274"/>
      <c r="T2" s="1275"/>
      <c r="U2" s="1286" t="s">
        <v>443</v>
      </c>
      <c r="V2" s="1287"/>
      <c r="W2" s="1287"/>
      <c r="X2" s="1288"/>
      <c r="Y2" s="427" t="s">
        <v>444</v>
      </c>
      <c r="Z2" s="428" t="s">
        <v>444</v>
      </c>
      <c r="AA2" s="429"/>
    </row>
    <row r="3" spans="1:27" s="497" customFormat="1" ht="15" customHeight="1">
      <c r="A3" s="496" t="s">
        <v>445</v>
      </c>
      <c r="B3" s="431" t="s">
        <v>446</v>
      </c>
      <c r="C3" s="431" t="s">
        <v>447</v>
      </c>
      <c r="D3" s="432" t="s">
        <v>448</v>
      </c>
      <c r="E3" s="432" t="s">
        <v>351</v>
      </c>
      <c r="F3" s="433" t="s">
        <v>352</v>
      </c>
      <c r="G3" s="431" t="s">
        <v>214</v>
      </c>
      <c r="H3" s="431" t="s">
        <v>447</v>
      </c>
      <c r="I3" s="432" t="s">
        <v>350</v>
      </c>
      <c r="J3" s="431" t="s">
        <v>351</v>
      </c>
      <c r="K3" s="435" t="s">
        <v>352</v>
      </c>
      <c r="L3" s="434" t="s">
        <v>446</v>
      </c>
      <c r="M3" s="436" t="s">
        <v>353</v>
      </c>
      <c r="N3" s="437" t="s">
        <v>350</v>
      </c>
      <c r="O3" s="437" t="s">
        <v>351</v>
      </c>
      <c r="P3" s="433" t="s">
        <v>352</v>
      </c>
      <c r="Q3" s="438" t="s">
        <v>449</v>
      </c>
      <c r="R3" s="436" t="s">
        <v>353</v>
      </c>
      <c r="S3" s="433" t="s">
        <v>350</v>
      </c>
      <c r="T3" s="435" t="s">
        <v>351</v>
      </c>
      <c r="U3" s="437" t="s">
        <v>449</v>
      </c>
      <c r="V3" s="437" t="s">
        <v>447</v>
      </c>
      <c r="W3" s="433" t="s">
        <v>350</v>
      </c>
      <c r="X3" s="433" t="s">
        <v>351</v>
      </c>
      <c r="Y3" s="439" t="s">
        <v>356</v>
      </c>
      <c r="Z3" s="435" t="s">
        <v>357</v>
      </c>
      <c r="AA3" s="429"/>
    </row>
    <row r="4" spans="1:27" s="497" customFormat="1" ht="11.25" customHeight="1">
      <c r="A4" s="498"/>
      <c r="B4" s="442" t="s">
        <v>212</v>
      </c>
      <c r="C4" s="442" t="s">
        <v>212</v>
      </c>
      <c r="D4" s="442" t="s">
        <v>212</v>
      </c>
      <c r="E4" s="442" t="s">
        <v>212</v>
      </c>
      <c r="F4" s="442" t="s">
        <v>212</v>
      </c>
      <c r="G4" s="444" t="s">
        <v>212</v>
      </c>
      <c r="H4" s="442" t="s">
        <v>212</v>
      </c>
      <c r="I4" s="442" t="s">
        <v>212</v>
      </c>
      <c r="J4" s="442" t="s">
        <v>212</v>
      </c>
      <c r="K4" s="445" t="s">
        <v>212</v>
      </c>
      <c r="L4" s="443" t="s">
        <v>212</v>
      </c>
      <c r="M4" s="442" t="s">
        <v>212</v>
      </c>
      <c r="N4" s="442" t="s">
        <v>212</v>
      </c>
      <c r="O4" s="442" t="s">
        <v>212</v>
      </c>
      <c r="P4" s="442"/>
      <c r="Q4" s="443" t="s">
        <v>175</v>
      </c>
      <c r="R4" s="442" t="s">
        <v>175</v>
      </c>
      <c r="S4" s="442" t="s">
        <v>175</v>
      </c>
      <c r="T4" s="444" t="s">
        <v>175</v>
      </c>
      <c r="U4" s="442" t="s">
        <v>175</v>
      </c>
      <c r="V4" s="442" t="s">
        <v>175</v>
      </c>
      <c r="W4" s="442" t="s">
        <v>175</v>
      </c>
      <c r="X4" s="442" t="s">
        <v>175</v>
      </c>
      <c r="Y4" s="445" t="s">
        <v>202</v>
      </c>
      <c r="Z4" s="444"/>
      <c r="AA4" s="445"/>
    </row>
    <row r="5" spans="1:27" ht="12.6" customHeight="1">
      <c r="A5" s="499" t="s">
        <v>450</v>
      </c>
      <c r="B5" s="447">
        <v>4585811</v>
      </c>
      <c r="C5" s="447">
        <v>560363</v>
      </c>
      <c r="D5" s="447">
        <v>2946588</v>
      </c>
      <c r="E5" s="447">
        <v>1029490</v>
      </c>
      <c r="F5" s="447">
        <v>49370</v>
      </c>
      <c r="G5" s="1125">
        <v>4577523</v>
      </c>
      <c r="H5" s="471">
        <v>566394</v>
      </c>
      <c r="I5" s="471">
        <v>2941524</v>
      </c>
      <c r="J5" s="471">
        <v>1020235</v>
      </c>
      <c r="K5" s="1150">
        <v>49370</v>
      </c>
      <c r="L5" s="448">
        <v>8288</v>
      </c>
      <c r="M5" s="447">
        <v>-6031</v>
      </c>
      <c r="N5" s="447">
        <v>5064</v>
      </c>
      <c r="O5" s="447">
        <v>9255</v>
      </c>
      <c r="P5" s="447" t="s">
        <v>451</v>
      </c>
      <c r="Q5" s="449">
        <v>0.2</v>
      </c>
      <c r="R5" s="450">
        <v>-1.1000000000000001</v>
      </c>
      <c r="S5" s="450">
        <v>0.2</v>
      </c>
      <c r="T5" s="451">
        <v>0.9</v>
      </c>
      <c r="U5" s="452" t="s">
        <v>452</v>
      </c>
      <c r="V5" s="450">
        <v>12.4</v>
      </c>
      <c r="W5" s="450">
        <v>65</v>
      </c>
      <c r="X5" s="450">
        <v>22.7</v>
      </c>
      <c r="Y5" s="453">
        <v>44.89</v>
      </c>
      <c r="Z5" s="451">
        <v>183.7</v>
      </c>
      <c r="AA5" s="454"/>
    </row>
    <row r="6" spans="1:27" ht="10.5" customHeight="1">
      <c r="A6" s="483"/>
      <c r="B6" s="456"/>
      <c r="C6" s="456"/>
      <c r="D6" s="456"/>
      <c r="E6" s="456"/>
      <c r="F6" s="456"/>
      <c r="G6" s="1126"/>
      <c r="H6" s="500"/>
      <c r="I6" s="500"/>
      <c r="J6" s="500"/>
      <c r="K6" s="1151"/>
      <c r="L6" s="457"/>
      <c r="M6" s="456"/>
      <c r="N6" s="456"/>
      <c r="O6" s="456"/>
      <c r="P6" s="447"/>
      <c r="Q6" s="458"/>
      <c r="R6" s="459"/>
      <c r="S6" s="459"/>
      <c r="T6" s="460"/>
      <c r="U6" s="461"/>
      <c r="V6" s="459"/>
      <c r="W6" s="459"/>
      <c r="X6" s="459"/>
      <c r="Y6" s="501"/>
      <c r="Z6" s="460"/>
      <c r="AA6" s="462"/>
    </row>
    <row r="7" spans="1:27" s="503" customFormat="1" ht="12.6" customHeight="1">
      <c r="A7" s="502" t="s">
        <v>361</v>
      </c>
      <c r="B7" s="447">
        <v>1862571</v>
      </c>
      <c r="C7" s="447">
        <v>228883</v>
      </c>
      <c r="D7" s="447">
        <v>1208291</v>
      </c>
      <c r="E7" s="447">
        <v>410280</v>
      </c>
      <c r="F7" s="447">
        <v>15117</v>
      </c>
      <c r="G7" s="1125">
        <v>1858705</v>
      </c>
      <c r="H7" s="471">
        <v>231730</v>
      </c>
      <c r="I7" s="471">
        <v>1205114</v>
      </c>
      <c r="J7" s="471">
        <v>406744</v>
      </c>
      <c r="K7" s="1150">
        <v>15117</v>
      </c>
      <c r="L7" s="448">
        <v>3866</v>
      </c>
      <c r="M7" s="447">
        <v>-2847</v>
      </c>
      <c r="N7" s="447">
        <v>3177</v>
      </c>
      <c r="O7" s="447">
        <v>3536</v>
      </c>
      <c r="P7" s="447" t="s">
        <v>451</v>
      </c>
      <c r="Q7" s="449">
        <v>0.2</v>
      </c>
      <c r="R7" s="450">
        <v>-1.2</v>
      </c>
      <c r="S7" s="450">
        <v>0.3</v>
      </c>
      <c r="T7" s="451">
        <v>0.9</v>
      </c>
      <c r="U7" s="452" t="s">
        <v>452</v>
      </c>
      <c r="V7" s="450">
        <v>12.4</v>
      </c>
      <c r="W7" s="450">
        <v>65.400000000000006</v>
      </c>
      <c r="X7" s="450">
        <v>22.2</v>
      </c>
      <c r="Y7" s="453">
        <v>44.8</v>
      </c>
      <c r="Z7" s="451">
        <v>179.3</v>
      </c>
      <c r="AA7" s="454"/>
    </row>
    <row r="8" spans="1:27" ht="12.6" customHeight="1">
      <c r="A8" s="468" t="s">
        <v>363</v>
      </c>
      <c r="B8" s="456">
        <v>151304</v>
      </c>
      <c r="C8" s="456">
        <v>19077</v>
      </c>
      <c r="D8" s="456">
        <v>102451</v>
      </c>
      <c r="E8" s="456">
        <v>28266</v>
      </c>
      <c r="F8" s="456">
        <v>1510</v>
      </c>
      <c r="G8" s="1127">
        <v>150293</v>
      </c>
      <c r="H8" s="504">
        <v>19145</v>
      </c>
      <c r="I8" s="504">
        <v>101698</v>
      </c>
      <c r="J8" s="504">
        <v>27940</v>
      </c>
      <c r="K8" s="1152">
        <v>1510</v>
      </c>
      <c r="L8" s="457">
        <v>1011</v>
      </c>
      <c r="M8" s="456">
        <v>-68</v>
      </c>
      <c r="N8" s="456">
        <v>753</v>
      </c>
      <c r="O8" s="456">
        <v>326</v>
      </c>
      <c r="P8" s="447" t="s">
        <v>451</v>
      </c>
      <c r="Q8" s="458">
        <v>0.7</v>
      </c>
      <c r="R8" s="459">
        <v>-0.4</v>
      </c>
      <c r="S8" s="459">
        <v>0.7</v>
      </c>
      <c r="T8" s="460">
        <v>1.2</v>
      </c>
      <c r="U8" s="461" t="s">
        <v>452</v>
      </c>
      <c r="V8" s="459">
        <v>12.7</v>
      </c>
      <c r="W8" s="459">
        <v>68.400000000000006</v>
      </c>
      <c r="X8" s="459">
        <v>18.899999999999999</v>
      </c>
      <c r="Y8" s="466">
        <v>43.1</v>
      </c>
      <c r="Z8" s="460">
        <v>148.19999999999999</v>
      </c>
      <c r="AA8" s="462"/>
    </row>
    <row r="9" spans="1:27" ht="12.6" customHeight="1">
      <c r="A9" s="468" t="s">
        <v>365</v>
      </c>
      <c r="B9" s="456">
        <v>124258</v>
      </c>
      <c r="C9" s="456">
        <v>13797</v>
      </c>
      <c r="D9" s="456">
        <v>85447</v>
      </c>
      <c r="E9" s="456">
        <v>23496</v>
      </c>
      <c r="F9" s="456">
        <v>1518</v>
      </c>
      <c r="G9" s="1127">
        <v>123383</v>
      </c>
      <c r="H9" s="504">
        <v>13868</v>
      </c>
      <c r="I9" s="504">
        <v>84643</v>
      </c>
      <c r="J9" s="504">
        <v>23354</v>
      </c>
      <c r="K9" s="1152">
        <v>1518</v>
      </c>
      <c r="L9" s="457">
        <v>875</v>
      </c>
      <c r="M9" s="456">
        <v>-71</v>
      </c>
      <c r="N9" s="456">
        <v>804</v>
      </c>
      <c r="O9" s="456">
        <v>142</v>
      </c>
      <c r="P9" s="447" t="s">
        <v>451</v>
      </c>
      <c r="Q9" s="458">
        <v>0.7</v>
      </c>
      <c r="R9" s="459">
        <v>-0.5</v>
      </c>
      <c r="S9" s="459">
        <v>0.9</v>
      </c>
      <c r="T9" s="460">
        <v>0.6</v>
      </c>
      <c r="U9" s="461" t="s">
        <v>452</v>
      </c>
      <c r="V9" s="459">
        <v>11.2</v>
      </c>
      <c r="W9" s="459">
        <v>69.599999999999994</v>
      </c>
      <c r="X9" s="459">
        <v>19.100000000000001</v>
      </c>
      <c r="Y9" s="466">
        <v>43.36</v>
      </c>
      <c r="Z9" s="460">
        <v>170.3</v>
      </c>
      <c r="AA9" s="462"/>
    </row>
    <row r="10" spans="1:27" ht="12.6" customHeight="1">
      <c r="A10" s="468" t="s">
        <v>367</v>
      </c>
      <c r="B10" s="456">
        <v>52588</v>
      </c>
      <c r="C10" s="456">
        <v>5841</v>
      </c>
      <c r="D10" s="456">
        <v>37319</v>
      </c>
      <c r="E10" s="456">
        <v>8703</v>
      </c>
      <c r="F10" s="456">
        <v>725</v>
      </c>
      <c r="G10" s="1127">
        <v>51831</v>
      </c>
      <c r="H10" s="504">
        <v>5701</v>
      </c>
      <c r="I10" s="504">
        <v>36747</v>
      </c>
      <c r="J10" s="504">
        <v>8658</v>
      </c>
      <c r="K10" s="1152">
        <v>725</v>
      </c>
      <c r="L10" s="457">
        <v>757</v>
      </c>
      <c r="M10" s="456">
        <v>140</v>
      </c>
      <c r="N10" s="456">
        <v>572</v>
      </c>
      <c r="O10" s="456">
        <v>45</v>
      </c>
      <c r="P10" s="447" t="s">
        <v>451</v>
      </c>
      <c r="Q10" s="458">
        <v>1.5</v>
      </c>
      <c r="R10" s="459">
        <v>2.5</v>
      </c>
      <c r="S10" s="459">
        <v>1.6</v>
      </c>
      <c r="T10" s="460">
        <v>0.5</v>
      </c>
      <c r="U10" s="461" t="s">
        <v>452</v>
      </c>
      <c r="V10" s="459">
        <v>11.3</v>
      </c>
      <c r="W10" s="459">
        <v>72</v>
      </c>
      <c r="X10" s="459">
        <v>16.8</v>
      </c>
      <c r="Y10" s="466">
        <v>43.03</v>
      </c>
      <c r="Z10" s="460">
        <v>149</v>
      </c>
      <c r="AA10" s="462"/>
    </row>
    <row r="11" spans="1:27" ht="12.6" customHeight="1">
      <c r="A11" s="468" t="s">
        <v>368</v>
      </c>
      <c r="B11" s="456">
        <v>78718</v>
      </c>
      <c r="C11" s="456">
        <v>7875</v>
      </c>
      <c r="D11" s="456">
        <v>50811</v>
      </c>
      <c r="E11" s="456">
        <v>17961</v>
      </c>
      <c r="F11" s="456">
        <v>2071</v>
      </c>
      <c r="G11" s="1127">
        <v>78319</v>
      </c>
      <c r="H11" s="504">
        <v>7942</v>
      </c>
      <c r="I11" s="504">
        <v>50543</v>
      </c>
      <c r="J11" s="504">
        <v>17763</v>
      </c>
      <c r="K11" s="1152">
        <v>2071</v>
      </c>
      <c r="L11" s="457">
        <v>399</v>
      </c>
      <c r="M11" s="456">
        <v>-67</v>
      </c>
      <c r="N11" s="456">
        <v>268</v>
      </c>
      <c r="O11" s="456">
        <v>198</v>
      </c>
      <c r="P11" s="447" t="s">
        <v>451</v>
      </c>
      <c r="Q11" s="458">
        <v>0.5</v>
      </c>
      <c r="R11" s="459">
        <v>-0.8</v>
      </c>
      <c r="S11" s="459">
        <v>0.5</v>
      </c>
      <c r="T11" s="460">
        <v>1.1000000000000001</v>
      </c>
      <c r="U11" s="461" t="s">
        <v>452</v>
      </c>
      <c r="V11" s="459">
        <v>10.3</v>
      </c>
      <c r="W11" s="459">
        <v>66.3</v>
      </c>
      <c r="X11" s="459">
        <v>23.4</v>
      </c>
      <c r="Y11" s="466">
        <v>46.8</v>
      </c>
      <c r="Z11" s="460">
        <v>228.1</v>
      </c>
      <c r="AA11" s="462"/>
    </row>
    <row r="12" spans="1:27" ht="12.6" customHeight="1">
      <c r="A12" s="468" t="s">
        <v>369</v>
      </c>
      <c r="B12" s="456">
        <v>97459</v>
      </c>
      <c r="C12" s="456">
        <v>9979</v>
      </c>
      <c r="D12" s="456">
        <v>63111</v>
      </c>
      <c r="E12" s="456">
        <v>23444</v>
      </c>
      <c r="F12" s="456">
        <v>925</v>
      </c>
      <c r="G12" s="1127">
        <v>97240</v>
      </c>
      <c r="H12" s="504">
        <v>10033</v>
      </c>
      <c r="I12" s="504">
        <v>62926</v>
      </c>
      <c r="J12" s="504">
        <v>23356</v>
      </c>
      <c r="K12" s="1152">
        <v>925</v>
      </c>
      <c r="L12" s="457">
        <v>219</v>
      </c>
      <c r="M12" s="456">
        <v>-54</v>
      </c>
      <c r="N12" s="456">
        <v>185</v>
      </c>
      <c r="O12" s="456">
        <v>88</v>
      </c>
      <c r="P12" s="447" t="s">
        <v>451</v>
      </c>
      <c r="Q12" s="458">
        <v>0.2</v>
      </c>
      <c r="R12" s="459">
        <v>-0.5</v>
      </c>
      <c r="S12" s="459">
        <v>0.3</v>
      </c>
      <c r="T12" s="460">
        <v>0.4</v>
      </c>
      <c r="U12" s="461" t="s">
        <v>452</v>
      </c>
      <c r="V12" s="459">
        <v>10.3</v>
      </c>
      <c r="W12" s="459">
        <v>65.400000000000006</v>
      </c>
      <c r="X12" s="459">
        <v>24.3</v>
      </c>
      <c r="Y12" s="466">
        <v>46.43</v>
      </c>
      <c r="Z12" s="460">
        <v>234.9</v>
      </c>
      <c r="AA12" s="462"/>
    </row>
    <row r="13" spans="1:27" ht="12.6" customHeight="1">
      <c r="A13" s="468" t="s">
        <v>453</v>
      </c>
      <c r="B13" s="456">
        <v>102337</v>
      </c>
      <c r="C13" s="456">
        <v>11356</v>
      </c>
      <c r="D13" s="456">
        <v>66532</v>
      </c>
      <c r="E13" s="456">
        <v>23345</v>
      </c>
      <c r="F13" s="456">
        <v>1104</v>
      </c>
      <c r="G13" s="1127">
        <v>102237</v>
      </c>
      <c r="H13" s="504">
        <v>11509</v>
      </c>
      <c r="I13" s="504">
        <v>66304</v>
      </c>
      <c r="J13" s="504">
        <v>23320</v>
      </c>
      <c r="K13" s="1152">
        <v>1104</v>
      </c>
      <c r="L13" s="457">
        <v>100</v>
      </c>
      <c r="M13" s="456">
        <v>-153</v>
      </c>
      <c r="N13" s="456">
        <v>228</v>
      </c>
      <c r="O13" s="456">
        <v>25</v>
      </c>
      <c r="P13" s="447" t="s">
        <v>451</v>
      </c>
      <c r="Q13" s="458">
        <v>0.1</v>
      </c>
      <c r="R13" s="459">
        <v>-1.3</v>
      </c>
      <c r="S13" s="459">
        <v>0.3</v>
      </c>
      <c r="T13" s="460">
        <v>0.1</v>
      </c>
      <c r="U13" s="461" t="s">
        <v>452</v>
      </c>
      <c r="V13" s="459">
        <v>11.2</v>
      </c>
      <c r="W13" s="459">
        <v>65.7</v>
      </c>
      <c r="X13" s="459">
        <v>23.1</v>
      </c>
      <c r="Y13" s="466">
        <v>45.33</v>
      </c>
      <c r="Z13" s="460">
        <v>205.6</v>
      </c>
      <c r="AA13" s="462"/>
    </row>
    <row r="14" spans="1:27" ht="12.6" customHeight="1">
      <c r="A14" s="468" t="s">
        <v>371</v>
      </c>
      <c r="B14" s="456">
        <v>81775</v>
      </c>
      <c r="C14" s="456">
        <v>10092</v>
      </c>
      <c r="D14" s="456">
        <v>51295</v>
      </c>
      <c r="E14" s="456">
        <v>19722</v>
      </c>
      <c r="F14" s="456">
        <v>666</v>
      </c>
      <c r="G14" s="1127">
        <v>81923</v>
      </c>
      <c r="H14" s="504">
        <v>10248</v>
      </c>
      <c r="I14" s="504">
        <v>51394</v>
      </c>
      <c r="J14" s="504">
        <v>19615</v>
      </c>
      <c r="K14" s="1152">
        <v>666</v>
      </c>
      <c r="L14" s="457">
        <v>-148</v>
      </c>
      <c r="M14" s="456">
        <v>-156</v>
      </c>
      <c r="N14" s="456">
        <v>-99</v>
      </c>
      <c r="O14" s="456">
        <v>107</v>
      </c>
      <c r="P14" s="447" t="s">
        <v>451</v>
      </c>
      <c r="Q14" s="458">
        <v>-0.2</v>
      </c>
      <c r="R14" s="459">
        <v>-1.5</v>
      </c>
      <c r="S14" s="459">
        <v>-0.2</v>
      </c>
      <c r="T14" s="460">
        <v>0.5</v>
      </c>
      <c r="U14" s="461" t="s">
        <v>452</v>
      </c>
      <c r="V14" s="459">
        <v>12.4</v>
      </c>
      <c r="W14" s="459">
        <v>63.2</v>
      </c>
      <c r="X14" s="459">
        <v>24.3</v>
      </c>
      <c r="Y14" s="466">
        <v>45.73</v>
      </c>
      <c r="Z14" s="460">
        <v>195.4</v>
      </c>
      <c r="AA14" s="462"/>
    </row>
    <row r="15" spans="1:27" ht="12.6" customHeight="1">
      <c r="A15" s="468" t="s">
        <v>372</v>
      </c>
      <c r="B15" s="456">
        <v>96991</v>
      </c>
      <c r="C15" s="456">
        <v>11145</v>
      </c>
      <c r="D15" s="456">
        <v>59253</v>
      </c>
      <c r="E15" s="456">
        <v>26116</v>
      </c>
      <c r="F15" s="456">
        <v>477</v>
      </c>
      <c r="G15" s="1127">
        <v>97421</v>
      </c>
      <c r="H15" s="504">
        <v>11441</v>
      </c>
      <c r="I15" s="504">
        <v>59678</v>
      </c>
      <c r="J15" s="504">
        <v>25825</v>
      </c>
      <c r="K15" s="1152">
        <v>477</v>
      </c>
      <c r="L15" s="457">
        <v>-430</v>
      </c>
      <c r="M15" s="456">
        <v>-296</v>
      </c>
      <c r="N15" s="456">
        <v>-425</v>
      </c>
      <c r="O15" s="456">
        <v>291</v>
      </c>
      <c r="P15" s="447" t="s">
        <v>451</v>
      </c>
      <c r="Q15" s="458">
        <v>-0.4</v>
      </c>
      <c r="R15" s="459">
        <v>-2.6</v>
      </c>
      <c r="S15" s="459">
        <v>-0.7</v>
      </c>
      <c r="T15" s="460">
        <v>1.1000000000000001</v>
      </c>
      <c r="U15" s="461" t="s">
        <v>452</v>
      </c>
      <c r="V15" s="459">
        <v>11.5</v>
      </c>
      <c r="W15" s="459">
        <v>61.4</v>
      </c>
      <c r="X15" s="459">
        <v>27.1</v>
      </c>
      <c r="Y15" s="466">
        <v>46.82</v>
      </c>
      <c r="Z15" s="460">
        <v>234.3</v>
      </c>
      <c r="AA15" s="462"/>
    </row>
    <row r="16" spans="1:27" ht="12.6" customHeight="1">
      <c r="A16" s="468" t="s">
        <v>373</v>
      </c>
      <c r="B16" s="456">
        <v>178513</v>
      </c>
      <c r="C16" s="456">
        <v>22091</v>
      </c>
      <c r="D16" s="456">
        <v>123864</v>
      </c>
      <c r="E16" s="456">
        <v>30759</v>
      </c>
      <c r="F16" s="456">
        <v>1799</v>
      </c>
      <c r="G16" s="1127">
        <v>177657</v>
      </c>
      <c r="H16" s="504">
        <v>22300</v>
      </c>
      <c r="I16" s="504">
        <v>123116</v>
      </c>
      <c r="J16" s="504">
        <v>30442</v>
      </c>
      <c r="K16" s="1152">
        <v>1799</v>
      </c>
      <c r="L16" s="457">
        <v>856</v>
      </c>
      <c r="M16" s="456">
        <v>-209</v>
      </c>
      <c r="N16" s="456">
        <v>748</v>
      </c>
      <c r="O16" s="456">
        <v>317</v>
      </c>
      <c r="P16" s="447" t="s">
        <v>451</v>
      </c>
      <c r="Q16" s="458">
        <v>0.5</v>
      </c>
      <c r="R16" s="459">
        <v>-0.9</v>
      </c>
      <c r="S16" s="459">
        <v>0.6</v>
      </c>
      <c r="T16" s="460">
        <v>1</v>
      </c>
      <c r="U16" s="461" t="s">
        <v>452</v>
      </c>
      <c r="V16" s="459">
        <v>12.5</v>
      </c>
      <c r="W16" s="459">
        <v>70.099999999999994</v>
      </c>
      <c r="X16" s="459">
        <v>17.399999999999999</v>
      </c>
      <c r="Y16" s="466">
        <v>42.5</v>
      </c>
      <c r="Z16" s="460">
        <v>139.19999999999999</v>
      </c>
      <c r="AA16" s="462"/>
    </row>
    <row r="17" spans="1:27" ht="12.6" customHeight="1">
      <c r="A17" s="468" t="s">
        <v>374</v>
      </c>
      <c r="B17" s="456">
        <v>137246</v>
      </c>
      <c r="C17" s="456">
        <v>18615</v>
      </c>
      <c r="D17" s="456">
        <v>86276</v>
      </c>
      <c r="E17" s="456">
        <v>31725</v>
      </c>
      <c r="F17" s="456">
        <v>630</v>
      </c>
      <c r="G17" s="1127">
        <v>136600</v>
      </c>
      <c r="H17" s="504">
        <v>18648</v>
      </c>
      <c r="I17" s="504">
        <v>85974</v>
      </c>
      <c r="J17" s="504">
        <v>31348</v>
      </c>
      <c r="K17" s="1152">
        <v>630</v>
      </c>
      <c r="L17" s="457">
        <v>646</v>
      </c>
      <c r="M17" s="456">
        <v>-33</v>
      </c>
      <c r="N17" s="456">
        <v>302</v>
      </c>
      <c r="O17" s="456">
        <v>377</v>
      </c>
      <c r="P17" s="447" t="s">
        <v>451</v>
      </c>
      <c r="Q17" s="458">
        <v>0.5</v>
      </c>
      <c r="R17" s="459">
        <v>-0.2</v>
      </c>
      <c r="S17" s="459">
        <v>0.4</v>
      </c>
      <c r="T17" s="460">
        <v>1.2</v>
      </c>
      <c r="U17" s="461" t="s">
        <v>452</v>
      </c>
      <c r="V17" s="459">
        <v>13.6</v>
      </c>
      <c r="W17" s="459">
        <v>63.2</v>
      </c>
      <c r="X17" s="459">
        <v>23.2</v>
      </c>
      <c r="Y17" s="466">
        <v>44.82</v>
      </c>
      <c r="Z17" s="460">
        <v>170.4</v>
      </c>
      <c r="AA17" s="462"/>
    </row>
    <row r="18" spans="1:27" ht="12.6" customHeight="1">
      <c r="A18" s="468" t="s">
        <v>375</v>
      </c>
      <c r="B18" s="456">
        <v>104721</v>
      </c>
      <c r="C18" s="456">
        <v>12176</v>
      </c>
      <c r="D18" s="456">
        <v>65142</v>
      </c>
      <c r="E18" s="456">
        <v>26920</v>
      </c>
      <c r="F18" s="456">
        <v>483</v>
      </c>
      <c r="G18" s="1127">
        <v>104894</v>
      </c>
      <c r="H18" s="504">
        <v>12418</v>
      </c>
      <c r="I18" s="504">
        <v>65101</v>
      </c>
      <c r="J18" s="504">
        <v>26892</v>
      </c>
      <c r="K18" s="1152">
        <v>483</v>
      </c>
      <c r="L18" s="457">
        <v>-173</v>
      </c>
      <c r="M18" s="456">
        <v>-242</v>
      </c>
      <c r="N18" s="456">
        <v>41</v>
      </c>
      <c r="O18" s="456">
        <v>28</v>
      </c>
      <c r="P18" s="447" t="s">
        <v>451</v>
      </c>
      <c r="Q18" s="458">
        <v>-0.2</v>
      </c>
      <c r="R18" s="459">
        <v>-1.9</v>
      </c>
      <c r="S18" s="459">
        <v>0.1</v>
      </c>
      <c r="T18" s="460">
        <v>0.1</v>
      </c>
      <c r="U18" s="461" t="s">
        <v>452</v>
      </c>
      <c r="V18" s="459">
        <v>11.7</v>
      </c>
      <c r="W18" s="459">
        <v>62.5</v>
      </c>
      <c r="X18" s="459">
        <v>25.8</v>
      </c>
      <c r="Y18" s="466">
        <v>46.76</v>
      </c>
      <c r="Z18" s="460">
        <v>221.1</v>
      </c>
      <c r="AA18" s="462"/>
    </row>
    <row r="19" spans="1:27" ht="12.6" customHeight="1">
      <c r="A19" s="468" t="s">
        <v>377</v>
      </c>
      <c r="B19" s="456">
        <v>118673</v>
      </c>
      <c r="C19" s="456">
        <v>14389</v>
      </c>
      <c r="D19" s="456">
        <v>72222</v>
      </c>
      <c r="E19" s="456">
        <v>31728</v>
      </c>
      <c r="F19" s="456">
        <v>334</v>
      </c>
      <c r="G19" s="1127">
        <v>119013</v>
      </c>
      <c r="H19" s="504">
        <v>14630</v>
      </c>
      <c r="I19" s="504">
        <v>72436</v>
      </c>
      <c r="J19" s="504">
        <v>31613</v>
      </c>
      <c r="K19" s="1152">
        <v>334</v>
      </c>
      <c r="L19" s="457">
        <v>-340</v>
      </c>
      <c r="M19" s="456">
        <v>-241</v>
      </c>
      <c r="N19" s="456">
        <v>-214</v>
      </c>
      <c r="O19" s="456">
        <v>115</v>
      </c>
      <c r="P19" s="447" t="s">
        <v>451</v>
      </c>
      <c r="Q19" s="458">
        <v>-0.3</v>
      </c>
      <c r="R19" s="459">
        <v>-1.6</v>
      </c>
      <c r="S19" s="459">
        <v>-0.3</v>
      </c>
      <c r="T19" s="460">
        <v>0.4</v>
      </c>
      <c r="U19" s="461" t="s">
        <v>452</v>
      </c>
      <c r="V19" s="459">
        <v>12.2</v>
      </c>
      <c r="W19" s="459">
        <v>61</v>
      </c>
      <c r="X19" s="459">
        <v>26.8</v>
      </c>
      <c r="Y19" s="466">
        <v>46.93</v>
      </c>
      <c r="Z19" s="460">
        <v>220.5</v>
      </c>
      <c r="AA19" s="462"/>
    </row>
    <row r="20" spans="1:27" ht="12.6" customHeight="1">
      <c r="A20" s="468" t="s">
        <v>378</v>
      </c>
      <c r="B20" s="456">
        <v>89793</v>
      </c>
      <c r="C20" s="456">
        <v>11963</v>
      </c>
      <c r="D20" s="456">
        <v>57812</v>
      </c>
      <c r="E20" s="456">
        <v>19515</v>
      </c>
      <c r="F20" s="456">
        <v>503</v>
      </c>
      <c r="G20" s="1127">
        <v>89345</v>
      </c>
      <c r="H20" s="504">
        <v>12007</v>
      </c>
      <c r="I20" s="504">
        <v>57624</v>
      </c>
      <c r="J20" s="504">
        <v>19211</v>
      </c>
      <c r="K20" s="1152">
        <v>503</v>
      </c>
      <c r="L20" s="457">
        <v>448</v>
      </c>
      <c r="M20" s="456">
        <v>-44</v>
      </c>
      <c r="N20" s="456">
        <v>188</v>
      </c>
      <c r="O20" s="456">
        <v>304</v>
      </c>
      <c r="P20" s="447" t="s">
        <v>451</v>
      </c>
      <c r="Q20" s="458">
        <v>0.5</v>
      </c>
      <c r="R20" s="459">
        <v>-0.4</v>
      </c>
      <c r="S20" s="459">
        <v>0.3</v>
      </c>
      <c r="T20" s="460">
        <v>1.6</v>
      </c>
      <c r="U20" s="461" t="s">
        <v>452</v>
      </c>
      <c r="V20" s="459">
        <v>13.4</v>
      </c>
      <c r="W20" s="459">
        <v>64.7</v>
      </c>
      <c r="X20" s="459">
        <v>21.9</v>
      </c>
      <c r="Y20" s="466">
        <v>44.32</v>
      </c>
      <c r="Z20" s="460">
        <v>163.1</v>
      </c>
      <c r="AA20" s="462"/>
    </row>
    <row r="21" spans="1:27" ht="12.6" customHeight="1">
      <c r="A21" s="468" t="s">
        <v>379</v>
      </c>
      <c r="B21" s="456">
        <v>59456</v>
      </c>
      <c r="C21" s="456">
        <v>7391</v>
      </c>
      <c r="D21" s="456">
        <v>36893</v>
      </c>
      <c r="E21" s="456">
        <v>14939</v>
      </c>
      <c r="F21" s="456">
        <v>233</v>
      </c>
      <c r="G21" s="1127">
        <v>59779</v>
      </c>
      <c r="H21" s="504">
        <v>7686</v>
      </c>
      <c r="I21" s="504">
        <v>37008</v>
      </c>
      <c r="J21" s="504">
        <v>14852</v>
      </c>
      <c r="K21" s="1152">
        <v>233</v>
      </c>
      <c r="L21" s="457">
        <v>-323</v>
      </c>
      <c r="M21" s="456">
        <v>-295</v>
      </c>
      <c r="N21" s="456">
        <v>-115</v>
      </c>
      <c r="O21" s="456">
        <v>87</v>
      </c>
      <c r="P21" s="447" t="s">
        <v>451</v>
      </c>
      <c r="Q21" s="458">
        <v>-0.5</v>
      </c>
      <c r="R21" s="459">
        <v>-3.8</v>
      </c>
      <c r="S21" s="459">
        <v>-0.3</v>
      </c>
      <c r="T21" s="460">
        <v>0.6</v>
      </c>
      <c r="U21" s="461" t="s">
        <v>452</v>
      </c>
      <c r="V21" s="459">
        <v>12.5</v>
      </c>
      <c r="W21" s="459">
        <v>62.3</v>
      </c>
      <c r="X21" s="459">
        <v>25.2</v>
      </c>
      <c r="Y21" s="466">
        <v>46</v>
      </c>
      <c r="Z21" s="460">
        <v>202.1</v>
      </c>
      <c r="AA21" s="462"/>
    </row>
    <row r="22" spans="1:27" ht="12.6" customHeight="1">
      <c r="A22" s="468" t="s">
        <v>380</v>
      </c>
      <c r="B22" s="456">
        <v>58208</v>
      </c>
      <c r="C22" s="456">
        <v>6999</v>
      </c>
      <c r="D22" s="456">
        <v>34357</v>
      </c>
      <c r="E22" s="456">
        <v>16602</v>
      </c>
      <c r="F22" s="456">
        <v>250</v>
      </c>
      <c r="G22" s="1127">
        <v>58438</v>
      </c>
      <c r="H22" s="504">
        <v>7221</v>
      </c>
      <c r="I22" s="504">
        <v>34408</v>
      </c>
      <c r="J22" s="504">
        <v>16559</v>
      </c>
      <c r="K22" s="1152">
        <v>250</v>
      </c>
      <c r="L22" s="457">
        <v>-230</v>
      </c>
      <c r="M22" s="456">
        <v>-222</v>
      </c>
      <c r="N22" s="456">
        <v>-51</v>
      </c>
      <c r="O22" s="456">
        <v>43</v>
      </c>
      <c r="P22" s="447" t="s">
        <v>451</v>
      </c>
      <c r="Q22" s="458">
        <v>-0.4</v>
      </c>
      <c r="R22" s="459">
        <v>-3.1</v>
      </c>
      <c r="S22" s="459">
        <v>-0.1</v>
      </c>
      <c r="T22" s="460">
        <v>0.3</v>
      </c>
      <c r="U22" s="461" t="s">
        <v>452</v>
      </c>
      <c r="V22" s="459">
        <v>12.1</v>
      </c>
      <c r="W22" s="459">
        <v>59.3</v>
      </c>
      <c r="X22" s="459">
        <v>28.6</v>
      </c>
      <c r="Y22" s="466">
        <v>47.58</v>
      </c>
      <c r="Z22" s="460">
        <v>237.2</v>
      </c>
      <c r="AA22" s="462"/>
    </row>
    <row r="23" spans="1:27" ht="12.6" customHeight="1">
      <c r="A23" s="468" t="s">
        <v>381</v>
      </c>
      <c r="B23" s="456">
        <v>74157</v>
      </c>
      <c r="C23" s="456">
        <v>9290</v>
      </c>
      <c r="D23" s="456">
        <v>44887</v>
      </c>
      <c r="E23" s="456">
        <v>19703</v>
      </c>
      <c r="F23" s="456">
        <v>277</v>
      </c>
      <c r="G23" s="1127">
        <v>74383</v>
      </c>
      <c r="H23" s="504">
        <v>9548</v>
      </c>
      <c r="I23" s="504">
        <v>45042</v>
      </c>
      <c r="J23" s="504">
        <v>19516</v>
      </c>
      <c r="K23" s="1152">
        <v>277</v>
      </c>
      <c r="L23" s="457">
        <v>-226</v>
      </c>
      <c r="M23" s="456">
        <v>-258</v>
      </c>
      <c r="N23" s="456">
        <v>-155</v>
      </c>
      <c r="O23" s="456">
        <v>187</v>
      </c>
      <c r="P23" s="447" t="s">
        <v>451</v>
      </c>
      <c r="Q23" s="458">
        <v>-0.3</v>
      </c>
      <c r="R23" s="459">
        <v>-2.7</v>
      </c>
      <c r="S23" s="459">
        <v>-0.3</v>
      </c>
      <c r="T23" s="460">
        <v>1</v>
      </c>
      <c r="U23" s="461" t="s">
        <v>452</v>
      </c>
      <c r="V23" s="459">
        <v>12.6</v>
      </c>
      <c r="W23" s="459">
        <v>60.8</v>
      </c>
      <c r="X23" s="459">
        <v>26.7</v>
      </c>
      <c r="Y23" s="466">
        <v>46.74</v>
      </c>
      <c r="Z23" s="460">
        <v>212.1</v>
      </c>
      <c r="AA23" s="462"/>
    </row>
    <row r="24" spans="1:27" ht="12.6" customHeight="1">
      <c r="A24" s="468" t="s">
        <v>383</v>
      </c>
      <c r="B24" s="456">
        <v>150534</v>
      </c>
      <c r="C24" s="456">
        <v>20170</v>
      </c>
      <c r="D24" s="456">
        <v>99299</v>
      </c>
      <c r="E24" s="456">
        <v>30154</v>
      </c>
      <c r="F24" s="456">
        <v>911</v>
      </c>
      <c r="G24" s="1127">
        <v>150592</v>
      </c>
      <c r="H24" s="504">
        <v>20520</v>
      </c>
      <c r="I24" s="504">
        <v>99534</v>
      </c>
      <c r="J24" s="504">
        <v>29627</v>
      </c>
      <c r="K24" s="1152">
        <v>911</v>
      </c>
      <c r="L24" s="457">
        <v>-58</v>
      </c>
      <c r="M24" s="456">
        <v>-350</v>
      </c>
      <c r="N24" s="456">
        <v>-235</v>
      </c>
      <c r="O24" s="456">
        <v>527</v>
      </c>
      <c r="P24" s="447" t="s">
        <v>451</v>
      </c>
      <c r="Q24" s="482">
        <v>-0.04</v>
      </c>
      <c r="R24" s="459">
        <v>-1.7</v>
      </c>
      <c r="S24" s="459">
        <v>-0.2</v>
      </c>
      <c r="T24" s="460">
        <v>1.8</v>
      </c>
      <c r="U24" s="461" t="s">
        <v>452</v>
      </c>
      <c r="V24" s="459">
        <v>13.5</v>
      </c>
      <c r="W24" s="459">
        <v>66.400000000000006</v>
      </c>
      <c r="X24" s="459">
        <v>20.2</v>
      </c>
      <c r="Y24" s="466">
        <v>43.75</v>
      </c>
      <c r="Z24" s="460">
        <v>149.5</v>
      </c>
      <c r="AA24" s="462"/>
    </row>
    <row r="25" spans="1:27" ht="12.6" customHeight="1">
      <c r="A25" s="468" t="s">
        <v>384</v>
      </c>
      <c r="B25" s="456">
        <v>105840</v>
      </c>
      <c r="C25" s="456">
        <v>16637</v>
      </c>
      <c r="D25" s="456">
        <v>71320</v>
      </c>
      <c r="E25" s="456">
        <v>17182</v>
      </c>
      <c r="F25" s="456">
        <v>701</v>
      </c>
      <c r="G25" s="1127">
        <v>105357</v>
      </c>
      <c r="H25" s="504">
        <v>16865</v>
      </c>
      <c r="I25" s="504">
        <v>70938</v>
      </c>
      <c r="J25" s="504">
        <v>16853</v>
      </c>
      <c r="K25" s="1152">
        <v>701</v>
      </c>
      <c r="L25" s="457">
        <v>483</v>
      </c>
      <c r="M25" s="456">
        <v>-228</v>
      </c>
      <c r="N25" s="456">
        <v>382</v>
      </c>
      <c r="O25" s="456">
        <v>329</v>
      </c>
      <c r="P25" s="447" t="s">
        <v>451</v>
      </c>
      <c r="Q25" s="458">
        <v>0.5</v>
      </c>
      <c r="R25" s="459">
        <v>-1.4</v>
      </c>
      <c r="S25" s="459">
        <v>0.5</v>
      </c>
      <c r="T25" s="460">
        <v>2</v>
      </c>
      <c r="U25" s="461" t="s">
        <v>452</v>
      </c>
      <c r="V25" s="459">
        <v>15.8</v>
      </c>
      <c r="W25" s="459">
        <v>67.8</v>
      </c>
      <c r="X25" s="459">
        <v>16.3</v>
      </c>
      <c r="Y25" s="466">
        <v>41.63</v>
      </c>
      <c r="Z25" s="460">
        <v>103.3</v>
      </c>
      <c r="AA25" s="462"/>
    </row>
    <row r="26" spans="1:27" ht="9" customHeight="1">
      <c r="A26" s="468"/>
      <c r="B26" s="456"/>
      <c r="C26" s="456"/>
      <c r="D26" s="456"/>
      <c r="E26" s="456"/>
      <c r="F26" s="456"/>
      <c r="G26" s="1127"/>
      <c r="H26" s="504"/>
      <c r="I26" s="504"/>
      <c r="J26" s="504"/>
      <c r="K26" s="1152"/>
      <c r="L26" s="457"/>
      <c r="M26" s="456"/>
      <c r="N26" s="456"/>
      <c r="O26" s="456"/>
      <c r="P26" s="447"/>
      <c r="Q26" s="458"/>
      <c r="R26" s="459"/>
      <c r="S26" s="459"/>
      <c r="T26" s="460"/>
      <c r="U26" s="461"/>
      <c r="V26" s="459"/>
      <c r="W26" s="459"/>
      <c r="X26" s="459"/>
      <c r="Y26" s="466"/>
      <c r="Z26" s="460"/>
      <c r="AA26" s="462"/>
    </row>
    <row r="27" spans="1:27" s="503" customFormat="1" ht="12.6" customHeight="1">
      <c r="A27" s="505" t="s">
        <v>385</v>
      </c>
      <c r="B27" s="470">
        <v>774658</v>
      </c>
      <c r="C27" s="470">
        <v>95776</v>
      </c>
      <c r="D27" s="470">
        <v>522972</v>
      </c>
      <c r="E27" s="470">
        <v>134549</v>
      </c>
      <c r="F27" s="470">
        <v>21361</v>
      </c>
      <c r="G27" s="1125">
        <v>768435</v>
      </c>
      <c r="H27" s="471">
        <v>95689</v>
      </c>
      <c r="I27" s="471">
        <v>518311</v>
      </c>
      <c r="J27" s="471">
        <v>133074</v>
      </c>
      <c r="K27" s="1150">
        <v>21361</v>
      </c>
      <c r="L27" s="448">
        <v>6223</v>
      </c>
      <c r="M27" s="470">
        <v>87</v>
      </c>
      <c r="N27" s="470">
        <v>4661</v>
      </c>
      <c r="O27" s="470">
        <v>1475</v>
      </c>
      <c r="P27" s="471" t="s">
        <v>451</v>
      </c>
      <c r="Q27" s="472">
        <v>0.8</v>
      </c>
      <c r="R27" s="473">
        <v>0.1</v>
      </c>
      <c r="S27" s="473">
        <v>0.9</v>
      </c>
      <c r="T27" s="474">
        <v>1.1000000000000001</v>
      </c>
      <c r="U27" s="452" t="s">
        <v>452</v>
      </c>
      <c r="V27" s="473">
        <v>12.7</v>
      </c>
      <c r="W27" s="473">
        <v>69.400000000000006</v>
      </c>
      <c r="X27" s="473">
        <v>17.899999999999999</v>
      </c>
      <c r="Y27" s="475">
        <v>42.51</v>
      </c>
      <c r="Z27" s="474">
        <v>140.5</v>
      </c>
      <c r="AA27" s="476"/>
    </row>
    <row r="28" spans="1:27" ht="12.6" customHeight="1">
      <c r="A28" s="468" t="s">
        <v>386</v>
      </c>
      <c r="B28" s="456">
        <v>125280</v>
      </c>
      <c r="C28" s="456">
        <v>13221</v>
      </c>
      <c r="D28" s="456">
        <v>86460</v>
      </c>
      <c r="E28" s="456">
        <v>24024</v>
      </c>
      <c r="F28" s="456">
        <v>1575</v>
      </c>
      <c r="G28" s="1127">
        <v>124449</v>
      </c>
      <c r="H28" s="504">
        <v>13285</v>
      </c>
      <c r="I28" s="504">
        <v>85611</v>
      </c>
      <c r="J28" s="504">
        <v>23978</v>
      </c>
      <c r="K28" s="1152">
        <v>1575</v>
      </c>
      <c r="L28" s="457">
        <v>831</v>
      </c>
      <c r="M28" s="456">
        <v>-64</v>
      </c>
      <c r="N28" s="456">
        <v>849</v>
      </c>
      <c r="O28" s="456">
        <v>46</v>
      </c>
      <c r="P28" s="447" t="s">
        <v>451</v>
      </c>
      <c r="Q28" s="458">
        <v>0.7</v>
      </c>
      <c r="R28" s="459">
        <v>-0.5</v>
      </c>
      <c r="S28" s="459">
        <v>1</v>
      </c>
      <c r="T28" s="460">
        <v>0.2</v>
      </c>
      <c r="U28" s="461" t="s">
        <v>452</v>
      </c>
      <c r="V28" s="459">
        <v>10.7</v>
      </c>
      <c r="W28" s="459">
        <v>69.900000000000006</v>
      </c>
      <c r="X28" s="459">
        <v>19.399999999999999</v>
      </c>
      <c r="Y28" s="466">
        <v>43.63</v>
      </c>
      <c r="Z28" s="460">
        <v>181.7</v>
      </c>
      <c r="AA28" s="462"/>
    </row>
    <row r="29" spans="1:27" ht="12.6" customHeight="1">
      <c r="A29" s="468" t="s">
        <v>387</v>
      </c>
      <c r="B29" s="456">
        <v>86286</v>
      </c>
      <c r="C29" s="456">
        <v>11340</v>
      </c>
      <c r="D29" s="456">
        <v>56104</v>
      </c>
      <c r="E29" s="456">
        <v>16397</v>
      </c>
      <c r="F29" s="456">
        <v>2445</v>
      </c>
      <c r="G29" s="1127">
        <v>84389</v>
      </c>
      <c r="H29" s="504">
        <v>11034</v>
      </c>
      <c r="I29" s="504">
        <v>54661</v>
      </c>
      <c r="J29" s="504">
        <v>16249</v>
      </c>
      <c r="K29" s="1152">
        <v>2445</v>
      </c>
      <c r="L29" s="457">
        <v>1897</v>
      </c>
      <c r="M29" s="456">
        <v>306</v>
      </c>
      <c r="N29" s="456">
        <v>1443</v>
      </c>
      <c r="O29" s="456">
        <v>148</v>
      </c>
      <c r="P29" s="447" t="s">
        <v>451</v>
      </c>
      <c r="Q29" s="458">
        <v>2.2000000000000002</v>
      </c>
      <c r="R29" s="459">
        <v>2.8</v>
      </c>
      <c r="S29" s="459">
        <v>2.6</v>
      </c>
      <c r="T29" s="460">
        <v>0.9</v>
      </c>
      <c r="U29" s="461" t="s">
        <v>452</v>
      </c>
      <c r="V29" s="459">
        <v>13.5</v>
      </c>
      <c r="W29" s="459">
        <v>66.900000000000006</v>
      </c>
      <c r="X29" s="459">
        <v>19.600000000000001</v>
      </c>
      <c r="Y29" s="466">
        <v>42.99</v>
      </c>
      <c r="Z29" s="460">
        <v>144.6</v>
      </c>
      <c r="AA29" s="462"/>
    </row>
    <row r="30" spans="1:27" ht="12.6" customHeight="1">
      <c r="A30" s="468" t="s">
        <v>388</v>
      </c>
      <c r="B30" s="456">
        <v>133304</v>
      </c>
      <c r="C30" s="456">
        <v>17357</v>
      </c>
      <c r="D30" s="456">
        <v>96384</v>
      </c>
      <c r="E30" s="456">
        <v>17459</v>
      </c>
      <c r="F30" s="456">
        <v>2104</v>
      </c>
      <c r="G30" s="1127">
        <v>131799</v>
      </c>
      <c r="H30" s="504">
        <v>17222</v>
      </c>
      <c r="I30" s="504">
        <v>95278</v>
      </c>
      <c r="J30" s="504">
        <v>17195</v>
      </c>
      <c r="K30" s="1152">
        <v>2104</v>
      </c>
      <c r="L30" s="457">
        <v>1505</v>
      </c>
      <c r="M30" s="456">
        <v>135</v>
      </c>
      <c r="N30" s="456">
        <v>1106</v>
      </c>
      <c r="O30" s="456">
        <v>264</v>
      </c>
      <c r="P30" s="447" t="s">
        <v>451</v>
      </c>
      <c r="Q30" s="458">
        <v>1.1000000000000001</v>
      </c>
      <c r="R30" s="459">
        <v>0.8</v>
      </c>
      <c r="S30" s="459">
        <v>1.2</v>
      </c>
      <c r="T30" s="460">
        <v>1.5</v>
      </c>
      <c r="U30" s="461" t="s">
        <v>452</v>
      </c>
      <c r="V30" s="459">
        <v>13.2</v>
      </c>
      <c r="W30" s="459">
        <v>73.5</v>
      </c>
      <c r="X30" s="459">
        <v>13.3</v>
      </c>
      <c r="Y30" s="466">
        <v>40.32</v>
      </c>
      <c r="Z30" s="460">
        <v>100.6</v>
      </c>
      <c r="AA30" s="462"/>
    </row>
    <row r="31" spans="1:27" ht="12.6" customHeight="1">
      <c r="A31" s="468" t="s">
        <v>389</v>
      </c>
      <c r="B31" s="456">
        <v>116956</v>
      </c>
      <c r="C31" s="456">
        <v>15158</v>
      </c>
      <c r="D31" s="456">
        <v>80923</v>
      </c>
      <c r="E31" s="456">
        <v>19052</v>
      </c>
      <c r="F31" s="456">
        <v>1823</v>
      </c>
      <c r="G31" s="1127">
        <v>116569</v>
      </c>
      <c r="H31" s="504">
        <v>15338</v>
      </c>
      <c r="I31" s="504">
        <v>80605</v>
      </c>
      <c r="J31" s="504">
        <v>18803</v>
      </c>
      <c r="K31" s="1152">
        <v>1823</v>
      </c>
      <c r="L31" s="457">
        <v>387</v>
      </c>
      <c r="M31" s="456">
        <v>-180</v>
      </c>
      <c r="N31" s="456">
        <v>318</v>
      </c>
      <c r="O31" s="456">
        <v>249</v>
      </c>
      <c r="P31" s="447" t="s">
        <v>451</v>
      </c>
      <c r="Q31" s="458">
        <v>0.3</v>
      </c>
      <c r="R31" s="459">
        <v>-1.2</v>
      </c>
      <c r="S31" s="459">
        <v>0.4</v>
      </c>
      <c r="T31" s="460">
        <v>1.3</v>
      </c>
      <c r="U31" s="461" t="s">
        <v>452</v>
      </c>
      <c r="V31" s="459">
        <v>13.2</v>
      </c>
      <c r="W31" s="459">
        <v>70.3</v>
      </c>
      <c r="X31" s="459">
        <v>16.5</v>
      </c>
      <c r="Y31" s="466">
        <v>41.88</v>
      </c>
      <c r="Z31" s="460">
        <v>125.7</v>
      </c>
      <c r="AA31" s="462"/>
    </row>
    <row r="32" spans="1:27" ht="12.6" customHeight="1">
      <c r="A32" s="468" t="s">
        <v>390</v>
      </c>
      <c r="B32" s="456">
        <v>112111</v>
      </c>
      <c r="C32" s="456">
        <v>11926</v>
      </c>
      <c r="D32" s="456">
        <v>79457</v>
      </c>
      <c r="E32" s="456">
        <v>18860</v>
      </c>
      <c r="F32" s="456">
        <v>1868</v>
      </c>
      <c r="G32" s="1127">
        <v>111451</v>
      </c>
      <c r="H32" s="504">
        <v>12015</v>
      </c>
      <c r="I32" s="504">
        <v>78863</v>
      </c>
      <c r="J32" s="504">
        <v>18705</v>
      </c>
      <c r="K32" s="1152">
        <v>1868</v>
      </c>
      <c r="L32" s="457">
        <v>660</v>
      </c>
      <c r="M32" s="456">
        <v>-89</v>
      </c>
      <c r="N32" s="456">
        <v>594</v>
      </c>
      <c r="O32" s="456">
        <v>155</v>
      </c>
      <c r="P32" s="447" t="s">
        <v>451</v>
      </c>
      <c r="Q32" s="458">
        <v>0.6</v>
      </c>
      <c r="R32" s="459">
        <v>-0.7</v>
      </c>
      <c r="S32" s="459">
        <v>0.8</v>
      </c>
      <c r="T32" s="460">
        <v>0.8</v>
      </c>
      <c r="U32" s="461" t="s">
        <v>452</v>
      </c>
      <c r="V32" s="459">
        <v>10.8</v>
      </c>
      <c r="W32" s="459">
        <v>72.099999999999994</v>
      </c>
      <c r="X32" s="459">
        <v>17.100000000000001</v>
      </c>
      <c r="Y32" s="466">
        <v>42.24</v>
      </c>
      <c r="Z32" s="460">
        <v>158.1</v>
      </c>
      <c r="AA32" s="462"/>
    </row>
    <row r="33" spans="1:27" ht="12.6" customHeight="1">
      <c r="A33" s="468" t="s">
        <v>392</v>
      </c>
      <c r="B33" s="456">
        <v>113508</v>
      </c>
      <c r="C33" s="456">
        <v>14905</v>
      </c>
      <c r="D33" s="456">
        <v>67633</v>
      </c>
      <c r="E33" s="456">
        <v>20221</v>
      </c>
      <c r="F33" s="456">
        <v>10749</v>
      </c>
      <c r="G33" s="1127">
        <v>113071</v>
      </c>
      <c r="H33" s="504">
        <v>14882</v>
      </c>
      <c r="I33" s="504">
        <v>67527</v>
      </c>
      <c r="J33" s="504">
        <v>19913</v>
      </c>
      <c r="K33" s="1152">
        <v>10749</v>
      </c>
      <c r="L33" s="457">
        <v>437</v>
      </c>
      <c r="M33" s="456">
        <v>23</v>
      </c>
      <c r="N33" s="456">
        <v>106</v>
      </c>
      <c r="O33" s="456">
        <v>308</v>
      </c>
      <c r="P33" s="447" t="s">
        <v>451</v>
      </c>
      <c r="Q33" s="458">
        <v>0.4</v>
      </c>
      <c r="R33" s="459">
        <v>0.2</v>
      </c>
      <c r="S33" s="459">
        <v>0.2</v>
      </c>
      <c r="T33" s="460">
        <v>1.5</v>
      </c>
      <c r="U33" s="461" t="s">
        <v>452</v>
      </c>
      <c r="V33" s="459">
        <v>14.5</v>
      </c>
      <c r="W33" s="459">
        <v>65.8</v>
      </c>
      <c r="X33" s="459">
        <v>19.7</v>
      </c>
      <c r="Y33" s="466">
        <v>43.12</v>
      </c>
      <c r="Z33" s="460">
        <v>135.69999999999999</v>
      </c>
      <c r="AA33" s="462"/>
    </row>
    <row r="34" spans="1:27" ht="12.6" customHeight="1">
      <c r="A34" s="468" t="s">
        <v>393</v>
      </c>
      <c r="B34" s="456">
        <v>87213</v>
      </c>
      <c r="C34" s="456">
        <v>11869</v>
      </c>
      <c r="D34" s="456">
        <v>56011</v>
      </c>
      <c r="E34" s="456">
        <v>18536</v>
      </c>
      <c r="F34" s="456">
        <v>797</v>
      </c>
      <c r="G34" s="1127">
        <v>86707</v>
      </c>
      <c r="H34" s="504">
        <v>11913</v>
      </c>
      <c r="I34" s="504">
        <v>55766</v>
      </c>
      <c r="J34" s="504">
        <v>18231</v>
      </c>
      <c r="K34" s="1152">
        <v>797</v>
      </c>
      <c r="L34" s="457">
        <v>506</v>
      </c>
      <c r="M34" s="456">
        <v>-44</v>
      </c>
      <c r="N34" s="456">
        <v>245</v>
      </c>
      <c r="O34" s="456">
        <v>305</v>
      </c>
      <c r="P34" s="447" t="s">
        <v>451</v>
      </c>
      <c r="Q34" s="458">
        <v>0.6</v>
      </c>
      <c r="R34" s="459">
        <v>-0.4</v>
      </c>
      <c r="S34" s="459">
        <v>0.4</v>
      </c>
      <c r="T34" s="460">
        <v>1.7</v>
      </c>
      <c r="U34" s="461" t="s">
        <v>452</v>
      </c>
      <c r="V34" s="459">
        <v>13.7</v>
      </c>
      <c r="W34" s="459">
        <v>64.8</v>
      </c>
      <c r="X34" s="459">
        <v>21.4</v>
      </c>
      <c r="Y34" s="466">
        <v>44.19</v>
      </c>
      <c r="Z34" s="460">
        <v>156.19999999999999</v>
      </c>
      <c r="AA34" s="462"/>
    </row>
    <row r="35" spans="1:27" ht="9" customHeight="1">
      <c r="A35" s="483"/>
      <c r="B35" s="456"/>
      <c r="C35" s="456"/>
      <c r="D35" s="456"/>
      <c r="E35" s="456"/>
      <c r="F35" s="456"/>
      <c r="G35" s="1126"/>
      <c r="H35" s="500"/>
      <c r="I35" s="500"/>
      <c r="J35" s="500"/>
      <c r="K35" s="1151"/>
      <c r="L35" s="457"/>
      <c r="M35" s="456"/>
      <c r="N35" s="456"/>
      <c r="O35" s="456"/>
      <c r="P35" s="447"/>
      <c r="Q35" s="458"/>
      <c r="R35" s="459"/>
      <c r="S35" s="459"/>
      <c r="T35" s="460"/>
      <c r="U35" s="461"/>
      <c r="V35" s="459"/>
      <c r="W35" s="459"/>
      <c r="X35" s="459"/>
      <c r="Y35" s="501"/>
      <c r="Z35" s="460"/>
      <c r="AA35" s="462"/>
    </row>
    <row r="36" spans="1:27" ht="12.6" customHeight="1">
      <c r="A36" s="506" t="s">
        <v>394</v>
      </c>
      <c r="B36" s="447">
        <v>339004</v>
      </c>
      <c r="C36" s="447">
        <v>38704</v>
      </c>
      <c r="D36" s="447">
        <v>201822</v>
      </c>
      <c r="E36" s="447">
        <v>96854</v>
      </c>
      <c r="F36" s="447">
        <v>1624</v>
      </c>
      <c r="G36" s="1125">
        <v>341515</v>
      </c>
      <c r="H36" s="471">
        <v>39446</v>
      </c>
      <c r="I36" s="471">
        <v>203535</v>
      </c>
      <c r="J36" s="471">
        <v>96910</v>
      </c>
      <c r="K36" s="1150">
        <v>1624</v>
      </c>
      <c r="L36" s="448">
        <v>-2511</v>
      </c>
      <c r="M36" s="447">
        <v>-742</v>
      </c>
      <c r="N36" s="447">
        <v>-1713</v>
      </c>
      <c r="O36" s="447">
        <v>-56</v>
      </c>
      <c r="P36" s="447" t="s">
        <v>451</v>
      </c>
      <c r="Q36" s="449">
        <v>-0.7</v>
      </c>
      <c r="R36" s="450">
        <v>-1.9</v>
      </c>
      <c r="S36" s="450">
        <v>-0.8</v>
      </c>
      <c r="T36" s="451">
        <v>-0.1</v>
      </c>
      <c r="U36" s="452" t="s">
        <v>452</v>
      </c>
      <c r="V36" s="450">
        <v>11.5</v>
      </c>
      <c r="W36" s="450">
        <v>59.8</v>
      </c>
      <c r="X36" s="450">
        <v>28.7</v>
      </c>
      <c r="Y36" s="453">
        <v>47.83</v>
      </c>
      <c r="Z36" s="451">
        <v>250.2</v>
      </c>
      <c r="AA36" s="454"/>
    </row>
    <row r="37" spans="1:27" ht="12.6" customHeight="1">
      <c r="A37" s="483" t="s">
        <v>395</v>
      </c>
      <c r="B37" s="456">
        <v>196143</v>
      </c>
      <c r="C37" s="456">
        <v>21429</v>
      </c>
      <c r="D37" s="456">
        <v>118767</v>
      </c>
      <c r="E37" s="456">
        <v>54996</v>
      </c>
      <c r="F37" s="456">
        <v>951</v>
      </c>
      <c r="G37" s="1127">
        <v>198139</v>
      </c>
      <c r="H37" s="504">
        <v>21969</v>
      </c>
      <c r="I37" s="504">
        <v>120193</v>
      </c>
      <c r="J37" s="504">
        <v>55026</v>
      </c>
      <c r="K37" s="1152">
        <v>951</v>
      </c>
      <c r="L37" s="457">
        <v>-1996</v>
      </c>
      <c r="M37" s="456">
        <v>-540</v>
      </c>
      <c r="N37" s="456">
        <v>-1426</v>
      </c>
      <c r="O37" s="456">
        <v>-30</v>
      </c>
      <c r="P37" s="447" t="s">
        <v>451</v>
      </c>
      <c r="Q37" s="458">
        <v>-1</v>
      </c>
      <c r="R37" s="459">
        <v>-2.5</v>
      </c>
      <c r="S37" s="459">
        <v>-1.2</v>
      </c>
      <c r="T37" s="460">
        <v>-0.1</v>
      </c>
      <c r="U37" s="461" t="s">
        <v>452</v>
      </c>
      <c r="V37" s="459">
        <v>11</v>
      </c>
      <c r="W37" s="459">
        <v>60.8</v>
      </c>
      <c r="X37" s="459">
        <v>28.2</v>
      </c>
      <c r="Y37" s="466">
        <v>47.24</v>
      </c>
      <c r="Z37" s="460">
        <v>256.60000000000002</v>
      </c>
      <c r="AA37" s="462"/>
    </row>
    <row r="38" spans="1:27" ht="12.6" customHeight="1">
      <c r="A38" s="483" t="s">
        <v>396</v>
      </c>
      <c r="B38" s="456">
        <v>81021</v>
      </c>
      <c r="C38" s="456">
        <v>10018</v>
      </c>
      <c r="D38" s="456">
        <v>48319</v>
      </c>
      <c r="E38" s="456">
        <v>22477</v>
      </c>
      <c r="F38" s="456">
        <v>207</v>
      </c>
      <c r="G38" s="1127">
        <v>81009</v>
      </c>
      <c r="H38" s="504">
        <v>10082</v>
      </c>
      <c r="I38" s="504">
        <v>48199</v>
      </c>
      <c r="J38" s="504">
        <v>22521</v>
      </c>
      <c r="K38" s="1152">
        <v>207</v>
      </c>
      <c r="L38" s="457">
        <v>12</v>
      </c>
      <c r="M38" s="456">
        <v>-64</v>
      </c>
      <c r="N38" s="456">
        <v>120</v>
      </c>
      <c r="O38" s="456">
        <v>-44</v>
      </c>
      <c r="P38" s="447" t="s">
        <v>451</v>
      </c>
      <c r="Q38" s="458">
        <v>0</v>
      </c>
      <c r="R38" s="459">
        <v>-0.6</v>
      </c>
      <c r="S38" s="459">
        <v>0.2</v>
      </c>
      <c r="T38" s="460">
        <v>-0.2</v>
      </c>
      <c r="U38" s="461" t="s">
        <v>452</v>
      </c>
      <c r="V38" s="459">
        <v>12.4</v>
      </c>
      <c r="W38" s="459">
        <v>59.8</v>
      </c>
      <c r="X38" s="459">
        <v>27.8</v>
      </c>
      <c r="Y38" s="466">
        <v>47.99</v>
      </c>
      <c r="Z38" s="460">
        <v>224.4</v>
      </c>
      <c r="AA38" s="462"/>
    </row>
    <row r="39" spans="1:27" ht="12.6" customHeight="1">
      <c r="A39" s="483" t="s">
        <v>397</v>
      </c>
      <c r="B39" s="456">
        <v>26604</v>
      </c>
      <c r="C39" s="456">
        <v>3357</v>
      </c>
      <c r="D39" s="456">
        <v>15524</v>
      </c>
      <c r="E39" s="456">
        <v>7642</v>
      </c>
      <c r="F39" s="456">
        <v>81</v>
      </c>
      <c r="G39" s="1127">
        <v>26654</v>
      </c>
      <c r="H39" s="504">
        <v>3367</v>
      </c>
      <c r="I39" s="504">
        <v>15544</v>
      </c>
      <c r="J39" s="504">
        <v>7662</v>
      </c>
      <c r="K39" s="1152">
        <v>81</v>
      </c>
      <c r="L39" s="457">
        <v>-50</v>
      </c>
      <c r="M39" s="456">
        <v>-10</v>
      </c>
      <c r="N39" s="456">
        <v>-20</v>
      </c>
      <c r="O39" s="456">
        <v>-20</v>
      </c>
      <c r="P39" s="447" t="s">
        <v>451</v>
      </c>
      <c r="Q39" s="458">
        <v>-0.2</v>
      </c>
      <c r="R39" s="459">
        <v>-0.3</v>
      </c>
      <c r="S39" s="459">
        <v>-0.1</v>
      </c>
      <c r="T39" s="460">
        <v>-0.3</v>
      </c>
      <c r="U39" s="461" t="s">
        <v>452</v>
      </c>
      <c r="V39" s="459">
        <v>12.7</v>
      </c>
      <c r="W39" s="459">
        <v>58.5</v>
      </c>
      <c r="X39" s="459">
        <v>28.8</v>
      </c>
      <c r="Y39" s="466">
        <v>48.32</v>
      </c>
      <c r="Z39" s="460">
        <v>227.6</v>
      </c>
      <c r="AA39" s="462"/>
    </row>
    <row r="40" spans="1:27" ht="12.6" customHeight="1">
      <c r="A40" s="483" t="s">
        <v>398</v>
      </c>
      <c r="B40" s="456">
        <v>20317</v>
      </c>
      <c r="C40" s="456">
        <v>1837</v>
      </c>
      <c r="D40" s="456">
        <v>11013</v>
      </c>
      <c r="E40" s="456">
        <v>7453</v>
      </c>
      <c r="F40" s="456">
        <v>14</v>
      </c>
      <c r="G40" s="1127">
        <v>20662</v>
      </c>
      <c r="H40" s="504">
        <v>1936</v>
      </c>
      <c r="I40" s="504">
        <v>11315</v>
      </c>
      <c r="J40" s="504">
        <v>7397</v>
      </c>
      <c r="K40" s="1152">
        <v>14</v>
      </c>
      <c r="L40" s="457">
        <v>-345</v>
      </c>
      <c r="M40" s="456">
        <v>-99</v>
      </c>
      <c r="N40" s="456">
        <v>-302</v>
      </c>
      <c r="O40" s="456">
        <v>56</v>
      </c>
      <c r="P40" s="447" t="s">
        <v>451</v>
      </c>
      <c r="Q40" s="458">
        <v>-1.7</v>
      </c>
      <c r="R40" s="459">
        <v>-5.0999999999999996</v>
      </c>
      <c r="S40" s="459">
        <v>-2.7</v>
      </c>
      <c r="T40" s="460">
        <v>0.8</v>
      </c>
      <c r="U40" s="461" t="s">
        <v>452</v>
      </c>
      <c r="V40" s="459">
        <v>9</v>
      </c>
      <c r="W40" s="459">
        <v>54.2</v>
      </c>
      <c r="X40" s="459">
        <v>36.700000000000003</v>
      </c>
      <c r="Y40" s="466">
        <v>52</v>
      </c>
      <c r="Z40" s="460">
        <v>405.7</v>
      </c>
      <c r="AA40" s="462"/>
    </row>
    <row r="41" spans="1:27" ht="12.6" customHeight="1">
      <c r="A41" s="483" t="s">
        <v>399</v>
      </c>
      <c r="B41" s="456">
        <v>14919</v>
      </c>
      <c r="C41" s="456">
        <v>2063</v>
      </c>
      <c r="D41" s="456">
        <v>8199</v>
      </c>
      <c r="E41" s="456">
        <v>4286</v>
      </c>
      <c r="F41" s="456">
        <v>371</v>
      </c>
      <c r="G41" s="1127">
        <v>15051</v>
      </c>
      <c r="H41" s="504">
        <v>2092</v>
      </c>
      <c r="I41" s="504">
        <v>8284</v>
      </c>
      <c r="J41" s="504">
        <v>4304</v>
      </c>
      <c r="K41" s="1152">
        <v>371</v>
      </c>
      <c r="L41" s="457">
        <v>-132</v>
      </c>
      <c r="M41" s="456">
        <v>-29</v>
      </c>
      <c r="N41" s="456">
        <v>-85</v>
      </c>
      <c r="O41" s="456">
        <v>-18</v>
      </c>
      <c r="P41" s="447" t="s">
        <v>451</v>
      </c>
      <c r="Q41" s="458">
        <v>-0.9</v>
      </c>
      <c r="R41" s="459">
        <v>-1.4</v>
      </c>
      <c r="S41" s="459">
        <v>-1</v>
      </c>
      <c r="T41" s="460">
        <v>-0.4</v>
      </c>
      <c r="U41" s="461" t="s">
        <v>452</v>
      </c>
      <c r="V41" s="459">
        <v>14.2</v>
      </c>
      <c r="W41" s="459">
        <v>56.4</v>
      </c>
      <c r="X41" s="459">
        <v>29.5</v>
      </c>
      <c r="Y41" s="466">
        <v>48.18</v>
      </c>
      <c r="Z41" s="460">
        <v>207.8</v>
      </c>
      <c r="AA41" s="462"/>
    </row>
    <row r="42" spans="1:27" ht="9" customHeight="1">
      <c r="A42" s="483"/>
      <c r="B42" s="456"/>
      <c r="C42" s="456"/>
      <c r="D42" s="456"/>
      <c r="E42" s="456"/>
      <c r="F42" s="456"/>
      <c r="G42" s="1126"/>
      <c r="H42" s="500"/>
      <c r="I42" s="500"/>
      <c r="J42" s="500"/>
      <c r="K42" s="1151"/>
      <c r="L42" s="457"/>
      <c r="M42" s="456"/>
      <c r="N42" s="456"/>
      <c r="O42" s="456"/>
      <c r="P42" s="447"/>
      <c r="Q42" s="458"/>
      <c r="R42" s="459"/>
      <c r="S42" s="459"/>
      <c r="T42" s="460"/>
      <c r="U42" s="461"/>
      <c r="V42" s="459"/>
      <c r="W42" s="459"/>
      <c r="X42" s="459"/>
      <c r="Y42" s="501"/>
      <c r="Z42" s="460"/>
      <c r="AA42" s="462"/>
    </row>
    <row r="43" spans="1:27" ht="12.6" customHeight="1">
      <c r="A43" s="506" t="s">
        <v>401</v>
      </c>
      <c r="B43" s="447">
        <v>794245</v>
      </c>
      <c r="C43" s="447">
        <v>96055</v>
      </c>
      <c r="D43" s="447">
        <v>508344</v>
      </c>
      <c r="E43" s="447">
        <v>183410</v>
      </c>
      <c r="F43" s="447">
        <v>6436</v>
      </c>
      <c r="G43" s="1125">
        <v>792849</v>
      </c>
      <c r="H43" s="471">
        <v>97279</v>
      </c>
      <c r="I43" s="471">
        <v>507986</v>
      </c>
      <c r="J43" s="471">
        <v>181148</v>
      </c>
      <c r="K43" s="1150">
        <v>6436</v>
      </c>
      <c r="L43" s="448">
        <v>1396</v>
      </c>
      <c r="M43" s="447">
        <v>-1224</v>
      </c>
      <c r="N43" s="447">
        <v>358</v>
      </c>
      <c r="O43" s="447">
        <v>2262</v>
      </c>
      <c r="P43" s="447" t="s">
        <v>451</v>
      </c>
      <c r="Q43" s="449">
        <v>0.2</v>
      </c>
      <c r="R43" s="450">
        <v>-1.3</v>
      </c>
      <c r="S43" s="450">
        <v>0.1</v>
      </c>
      <c r="T43" s="451">
        <v>1.2</v>
      </c>
      <c r="U43" s="452" t="s">
        <v>452</v>
      </c>
      <c r="V43" s="450">
        <v>12.2</v>
      </c>
      <c r="W43" s="450">
        <v>64.5</v>
      </c>
      <c r="X43" s="450">
        <v>23.3</v>
      </c>
      <c r="Y43" s="453">
        <v>45.04</v>
      </c>
      <c r="Z43" s="451">
        <v>190.9</v>
      </c>
      <c r="AA43" s="454"/>
    </row>
    <row r="44" spans="1:27" ht="12.6" customHeight="1">
      <c r="A44" s="483" t="s">
        <v>402</v>
      </c>
      <c r="B44" s="456">
        <v>361412</v>
      </c>
      <c r="C44" s="477">
        <v>42931</v>
      </c>
      <c r="D44" s="477">
        <v>230310</v>
      </c>
      <c r="E44" s="477">
        <v>84816</v>
      </c>
      <c r="F44" s="477">
        <v>3355</v>
      </c>
      <c r="G44" s="1127">
        <v>361625</v>
      </c>
      <c r="H44" s="504">
        <v>43522</v>
      </c>
      <c r="I44" s="504">
        <v>230967</v>
      </c>
      <c r="J44" s="504">
        <v>83781</v>
      </c>
      <c r="K44" s="1152">
        <v>3355</v>
      </c>
      <c r="L44" s="457">
        <v>-213</v>
      </c>
      <c r="M44" s="456">
        <v>-591</v>
      </c>
      <c r="N44" s="456">
        <v>-657</v>
      </c>
      <c r="O44" s="456">
        <v>1035</v>
      </c>
      <c r="P44" s="447" t="s">
        <v>451</v>
      </c>
      <c r="Q44" s="458">
        <v>-0.1</v>
      </c>
      <c r="R44" s="459">
        <v>-1.4</v>
      </c>
      <c r="S44" s="459">
        <v>-0.3</v>
      </c>
      <c r="T44" s="460">
        <v>1.2</v>
      </c>
      <c r="U44" s="461" t="s">
        <v>452</v>
      </c>
      <c r="V44" s="459">
        <v>12</v>
      </c>
      <c r="W44" s="459">
        <v>64.3</v>
      </c>
      <c r="X44" s="459">
        <v>23.7</v>
      </c>
      <c r="Y44" s="466">
        <v>45.3</v>
      </c>
      <c r="Z44" s="460">
        <v>197.6</v>
      </c>
      <c r="AA44" s="462"/>
    </row>
    <row r="45" spans="1:27" ht="12.6" customHeight="1">
      <c r="A45" s="468" t="s">
        <v>378</v>
      </c>
      <c r="B45" s="456">
        <v>85729</v>
      </c>
      <c r="C45" s="456">
        <v>9724</v>
      </c>
      <c r="D45" s="456">
        <v>53127</v>
      </c>
      <c r="E45" s="456">
        <v>22163</v>
      </c>
      <c r="F45" s="456">
        <v>715</v>
      </c>
      <c r="G45" s="1127">
        <v>86489</v>
      </c>
      <c r="H45" s="504">
        <v>10054</v>
      </c>
      <c r="I45" s="504">
        <v>53872</v>
      </c>
      <c r="J45" s="504">
        <v>21848</v>
      </c>
      <c r="K45" s="1152">
        <v>715</v>
      </c>
      <c r="L45" s="457">
        <v>-760</v>
      </c>
      <c r="M45" s="456">
        <v>-330</v>
      </c>
      <c r="N45" s="456">
        <v>-745</v>
      </c>
      <c r="O45" s="456">
        <v>315</v>
      </c>
      <c r="P45" s="447" t="s">
        <v>44</v>
      </c>
      <c r="Q45" s="458">
        <v>-0.9</v>
      </c>
      <c r="R45" s="459">
        <v>-3.3</v>
      </c>
      <c r="S45" s="459">
        <v>-1.4</v>
      </c>
      <c r="T45" s="460">
        <v>1.4</v>
      </c>
      <c r="U45" s="461" t="s">
        <v>452</v>
      </c>
      <c r="V45" s="459">
        <v>11.4</v>
      </c>
      <c r="W45" s="459">
        <v>62.5</v>
      </c>
      <c r="X45" s="459">
        <v>26.1</v>
      </c>
      <c r="Y45" s="466">
        <v>46.27</v>
      </c>
      <c r="Z45" s="460">
        <v>227.9</v>
      </c>
      <c r="AA45" s="462"/>
    </row>
    <row r="46" spans="1:27" ht="12.6" customHeight="1">
      <c r="A46" s="468" t="s">
        <v>404</v>
      </c>
      <c r="B46" s="456">
        <v>136746</v>
      </c>
      <c r="C46" s="456">
        <v>16950</v>
      </c>
      <c r="D46" s="456">
        <v>88429</v>
      </c>
      <c r="E46" s="456">
        <v>30281</v>
      </c>
      <c r="F46" s="456">
        <v>1086</v>
      </c>
      <c r="G46" s="1127">
        <v>136677</v>
      </c>
      <c r="H46" s="504">
        <v>17105</v>
      </c>
      <c r="I46" s="504">
        <v>88570</v>
      </c>
      <c r="J46" s="504">
        <v>29916</v>
      </c>
      <c r="K46" s="1152">
        <v>1086</v>
      </c>
      <c r="L46" s="457">
        <v>69</v>
      </c>
      <c r="M46" s="456">
        <v>-155</v>
      </c>
      <c r="N46" s="456">
        <v>-141</v>
      </c>
      <c r="O46" s="456">
        <v>365</v>
      </c>
      <c r="P46" s="447" t="s">
        <v>44</v>
      </c>
      <c r="Q46" s="458">
        <v>0.1</v>
      </c>
      <c r="R46" s="459">
        <v>-0.9</v>
      </c>
      <c r="S46" s="459">
        <v>-0.2</v>
      </c>
      <c r="T46" s="460">
        <v>1.2</v>
      </c>
      <c r="U46" s="461" t="s">
        <v>452</v>
      </c>
      <c r="V46" s="459">
        <v>12.5</v>
      </c>
      <c r="W46" s="459">
        <v>65.2</v>
      </c>
      <c r="X46" s="459">
        <v>22.3</v>
      </c>
      <c r="Y46" s="466">
        <v>44.54</v>
      </c>
      <c r="Z46" s="460">
        <v>178.6</v>
      </c>
      <c r="AA46" s="462"/>
    </row>
    <row r="47" spans="1:27" ht="12.6" customHeight="1">
      <c r="A47" s="468" t="s">
        <v>369</v>
      </c>
      <c r="B47" s="456">
        <v>138937</v>
      </c>
      <c r="C47" s="456">
        <v>16257</v>
      </c>
      <c r="D47" s="456">
        <v>88754</v>
      </c>
      <c r="E47" s="456">
        <v>32372</v>
      </c>
      <c r="F47" s="456">
        <v>1554</v>
      </c>
      <c r="G47" s="1127">
        <v>138459</v>
      </c>
      <c r="H47" s="504">
        <v>16363</v>
      </c>
      <c r="I47" s="504">
        <v>88525</v>
      </c>
      <c r="J47" s="504">
        <v>32017</v>
      </c>
      <c r="K47" s="1152">
        <v>1554</v>
      </c>
      <c r="L47" s="457">
        <v>478</v>
      </c>
      <c r="M47" s="456">
        <v>-106</v>
      </c>
      <c r="N47" s="456">
        <v>229</v>
      </c>
      <c r="O47" s="456">
        <v>355</v>
      </c>
      <c r="P47" s="447" t="s">
        <v>44</v>
      </c>
      <c r="Q47" s="458">
        <v>0.3</v>
      </c>
      <c r="R47" s="459">
        <v>-0.6</v>
      </c>
      <c r="S47" s="459">
        <v>0.3</v>
      </c>
      <c r="T47" s="460">
        <v>1.1000000000000001</v>
      </c>
      <c r="U47" s="461" t="s">
        <v>452</v>
      </c>
      <c r="V47" s="459">
        <v>11.8</v>
      </c>
      <c r="W47" s="459">
        <v>64.599999999999994</v>
      </c>
      <c r="X47" s="459">
        <v>23.6</v>
      </c>
      <c r="Y47" s="466">
        <v>45.44</v>
      </c>
      <c r="Z47" s="460">
        <v>199.1</v>
      </c>
      <c r="AA47" s="462"/>
    </row>
    <row r="48" spans="1:27" ht="12.6" customHeight="1">
      <c r="A48" s="483" t="s">
        <v>405</v>
      </c>
      <c r="B48" s="456">
        <v>116203</v>
      </c>
      <c r="C48" s="456">
        <v>13654</v>
      </c>
      <c r="D48" s="456">
        <v>75683</v>
      </c>
      <c r="E48" s="456">
        <v>26252</v>
      </c>
      <c r="F48" s="456">
        <v>614</v>
      </c>
      <c r="G48" s="1127">
        <v>116490</v>
      </c>
      <c r="H48" s="504">
        <v>13911</v>
      </c>
      <c r="I48" s="504">
        <v>76093</v>
      </c>
      <c r="J48" s="504">
        <v>25872</v>
      </c>
      <c r="K48" s="1152">
        <v>614</v>
      </c>
      <c r="L48" s="457">
        <v>-287</v>
      </c>
      <c r="M48" s="456">
        <v>-257</v>
      </c>
      <c r="N48" s="456">
        <v>-410</v>
      </c>
      <c r="O48" s="456">
        <v>380</v>
      </c>
      <c r="P48" s="447" t="s">
        <v>451</v>
      </c>
      <c r="Q48" s="458">
        <v>-0.2</v>
      </c>
      <c r="R48" s="459">
        <v>-1.8</v>
      </c>
      <c r="S48" s="459">
        <v>-0.5</v>
      </c>
      <c r="T48" s="460">
        <v>1.5</v>
      </c>
      <c r="U48" s="461" t="s">
        <v>452</v>
      </c>
      <c r="V48" s="459">
        <v>11.8</v>
      </c>
      <c r="W48" s="459">
        <v>65.5</v>
      </c>
      <c r="X48" s="459">
        <v>22.7</v>
      </c>
      <c r="Y48" s="466">
        <v>44.63</v>
      </c>
      <c r="Z48" s="460">
        <v>192.3</v>
      </c>
      <c r="AA48" s="462"/>
    </row>
    <row r="49" spans="1:27" ht="12.6" customHeight="1">
      <c r="A49" s="483" t="s">
        <v>406</v>
      </c>
      <c r="B49" s="456">
        <v>118835</v>
      </c>
      <c r="C49" s="456">
        <v>14868</v>
      </c>
      <c r="D49" s="456">
        <v>77609</v>
      </c>
      <c r="E49" s="456">
        <v>25508</v>
      </c>
      <c r="F49" s="456">
        <v>850</v>
      </c>
      <c r="G49" s="1127">
        <v>117846</v>
      </c>
      <c r="H49" s="504">
        <v>14990</v>
      </c>
      <c r="I49" s="504">
        <v>76768</v>
      </c>
      <c r="J49" s="504">
        <v>25238</v>
      </c>
      <c r="K49" s="1152">
        <v>850</v>
      </c>
      <c r="L49" s="457">
        <v>989</v>
      </c>
      <c r="M49" s="456">
        <v>-122</v>
      </c>
      <c r="N49" s="456">
        <v>841</v>
      </c>
      <c r="O49" s="456">
        <v>270</v>
      </c>
      <c r="P49" s="447" t="s">
        <v>451</v>
      </c>
      <c r="Q49" s="458">
        <v>0.8</v>
      </c>
      <c r="R49" s="459">
        <v>-0.8</v>
      </c>
      <c r="S49" s="459">
        <v>1.1000000000000001</v>
      </c>
      <c r="T49" s="460">
        <v>1.1000000000000001</v>
      </c>
      <c r="U49" s="461" t="s">
        <v>452</v>
      </c>
      <c r="V49" s="459">
        <v>12.6</v>
      </c>
      <c r="W49" s="459">
        <v>65.8</v>
      </c>
      <c r="X49" s="459">
        <v>21.6</v>
      </c>
      <c r="Y49" s="466">
        <v>44.4</v>
      </c>
      <c r="Z49" s="460">
        <v>171.6</v>
      </c>
      <c r="AA49" s="462"/>
    </row>
    <row r="50" spans="1:27" ht="12.6" customHeight="1">
      <c r="A50" s="483" t="s">
        <v>407</v>
      </c>
      <c r="B50" s="456">
        <v>67472</v>
      </c>
      <c r="C50" s="456">
        <v>9046</v>
      </c>
      <c r="D50" s="456">
        <v>42896</v>
      </c>
      <c r="E50" s="456">
        <v>15217</v>
      </c>
      <c r="F50" s="456">
        <v>313</v>
      </c>
      <c r="G50" s="1127">
        <v>66905</v>
      </c>
      <c r="H50" s="504">
        <v>9003</v>
      </c>
      <c r="I50" s="504">
        <v>42573</v>
      </c>
      <c r="J50" s="504">
        <v>15016</v>
      </c>
      <c r="K50" s="1152">
        <v>313</v>
      </c>
      <c r="L50" s="457">
        <v>567</v>
      </c>
      <c r="M50" s="456">
        <v>43</v>
      </c>
      <c r="N50" s="456">
        <v>323</v>
      </c>
      <c r="O50" s="456">
        <v>201</v>
      </c>
      <c r="P50" s="447" t="s">
        <v>451</v>
      </c>
      <c r="Q50" s="458">
        <v>0.8</v>
      </c>
      <c r="R50" s="459">
        <v>0.5</v>
      </c>
      <c r="S50" s="459">
        <v>0.8</v>
      </c>
      <c r="T50" s="460">
        <v>1.3</v>
      </c>
      <c r="U50" s="461" t="s">
        <v>452</v>
      </c>
      <c r="V50" s="459">
        <v>13.5</v>
      </c>
      <c r="W50" s="459">
        <v>63.9</v>
      </c>
      <c r="X50" s="459">
        <v>22.7</v>
      </c>
      <c r="Y50" s="466">
        <v>44.29</v>
      </c>
      <c r="Z50" s="460">
        <v>168.2</v>
      </c>
      <c r="AA50" s="462"/>
    </row>
    <row r="51" spans="1:27" ht="12.6" customHeight="1">
      <c r="A51" s="483" t="s">
        <v>409</v>
      </c>
      <c r="B51" s="456">
        <v>65091</v>
      </c>
      <c r="C51" s="456">
        <v>7590</v>
      </c>
      <c r="D51" s="456">
        <v>42032</v>
      </c>
      <c r="E51" s="456">
        <v>14912</v>
      </c>
      <c r="F51" s="456">
        <v>557</v>
      </c>
      <c r="G51" s="1127">
        <v>64821</v>
      </c>
      <c r="H51" s="504">
        <v>7707</v>
      </c>
      <c r="I51" s="504">
        <v>41901</v>
      </c>
      <c r="J51" s="504">
        <v>14656</v>
      </c>
      <c r="K51" s="1152">
        <v>557</v>
      </c>
      <c r="L51" s="457">
        <v>270</v>
      </c>
      <c r="M51" s="456">
        <v>-117</v>
      </c>
      <c r="N51" s="456">
        <v>131</v>
      </c>
      <c r="O51" s="456">
        <v>256</v>
      </c>
      <c r="P51" s="447" t="s">
        <v>451</v>
      </c>
      <c r="Q51" s="458">
        <v>0.4</v>
      </c>
      <c r="R51" s="459">
        <v>-1.5</v>
      </c>
      <c r="S51" s="459">
        <v>0.3</v>
      </c>
      <c r="T51" s="460">
        <v>1.7</v>
      </c>
      <c r="U51" s="461" t="s">
        <v>452</v>
      </c>
      <c r="V51" s="459">
        <v>11.8</v>
      </c>
      <c r="W51" s="459">
        <v>65.099999999999994</v>
      </c>
      <c r="X51" s="459">
        <v>23.1</v>
      </c>
      <c r="Y51" s="466">
        <v>45.36</v>
      </c>
      <c r="Z51" s="460">
        <v>196.5</v>
      </c>
      <c r="AA51" s="462"/>
    </row>
    <row r="52" spans="1:27" ht="12.6" customHeight="1">
      <c r="A52" s="483" t="s">
        <v>410</v>
      </c>
      <c r="B52" s="456">
        <v>43106</v>
      </c>
      <c r="C52" s="456">
        <v>5700</v>
      </c>
      <c r="D52" s="456">
        <v>26574</v>
      </c>
      <c r="E52" s="456">
        <v>10595</v>
      </c>
      <c r="F52" s="456">
        <v>237</v>
      </c>
      <c r="G52" s="1127">
        <v>42909</v>
      </c>
      <c r="H52" s="504">
        <v>5791</v>
      </c>
      <c r="I52" s="504">
        <v>26344</v>
      </c>
      <c r="J52" s="504">
        <v>10537</v>
      </c>
      <c r="K52" s="1152">
        <v>237</v>
      </c>
      <c r="L52" s="457">
        <v>197</v>
      </c>
      <c r="M52" s="456">
        <v>-91</v>
      </c>
      <c r="N52" s="456">
        <v>230</v>
      </c>
      <c r="O52" s="456">
        <v>58</v>
      </c>
      <c r="P52" s="447" t="s">
        <v>451</v>
      </c>
      <c r="Q52" s="458">
        <v>0.5</v>
      </c>
      <c r="R52" s="459">
        <v>-1.6</v>
      </c>
      <c r="S52" s="459">
        <v>0.9</v>
      </c>
      <c r="T52" s="460">
        <v>0.6</v>
      </c>
      <c r="U52" s="461" t="s">
        <v>452</v>
      </c>
      <c r="V52" s="459">
        <v>13.3</v>
      </c>
      <c r="W52" s="459">
        <v>62</v>
      </c>
      <c r="X52" s="459">
        <v>24.7</v>
      </c>
      <c r="Y52" s="466">
        <v>45.09</v>
      </c>
      <c r="Z52" s="460">
        <v>185.9</v>
      </c>
      <c r="AA52" s="462"/>
    </row>
    <row r="53" spans="1:27" ht="12.6" customHeight="1">
      <c r="A53" s="483" t="s">
        <v>411</v>
      </c>
      <c r="B53" s="456">
        <v>20543</v>
      </c>
      <c r="C53" s="456">
        <v>2128</v>
      </c>
      <c r="D53" s="456">
        <v>12340</v>
      </c>
      <c r="E53" s="456">
        <v>5568</v>
      </c>
      <c r="F53" s="456">
        <v>507</v>
      </c>
      <c r="G53" s="1127">
        <v>20654</v>
      </c>
      <c r="H53" s="504">
        <v>2204</v>
      </c>
      <c r="I53" s="504">
        <v>12431</v>
      </c>
      <c r="J53" s="504">
        <v>5512</v>
      </c>
      <c r="K53" s="1152">
        <v>507</v>
      </c>
      <c r="L53" s="457">
        <v>-111</v>
      </c>
      <c r="M53" s="456">
        <v>-76</v>
      </c>
      <c r="N53" s="456">
        <v>-91</v>
      </c>
      <c r="O53" s="456">
        <v>56</v>
      </c>
      <c r="P53" s="447" t="s">
        <v>451</v>
      </c>
      <c r="Q53" s="458">
        <v>-0.5</v>
      </c>
      <c r="R53" s="459">
        <v>-3.4</v>
      </c>
      <c r="S53" s="459">
        <v>-0.7</v>
      </c>
      <c r="T53" s="460">
        <v>1</v>
      </c>
      <c r="U53" s="461" t="s">
        <v>452</v>
      </c>
      <c r="V53" s="459">
        <v>10.6</v>
      </c>
      <c r="W53" s="459">
        <v>61.6</v>
      </c>
      <c r="X53" s="459">
        <v>27.8</v>
      </c>
      <c r="Y53" s="466">
        <v>47.33</v>
      </c>
      <c r="Z53" s="460">
        <v>261.7</v>
      </c>
      <c r="AA53" s="462"/>
    </row>
    <row r="54" spans="1:27" ht="12.6" customHeight="1">
      <c r="A54" s="483" t="s">
        <v>412</v>
      </c>
      <c r="B54" s="456">
        <v>1583</v>
      </c>
      <c r="C54" s="456">
        <v>138</v>
      </c>
      <c r="D54" s="456">
        <v>900</v>
      </c>
      <c r="E54" s="456">
        <v>542</v>
      </c>
      <c r="F54" s="456">
        <v>3</v>
      </c>
      <c r="G54" s="1127">
        <v>1599</v>
      </c>
      <c r="H54" s="504">
        <v>151</v>
      </c>
      <c r="I54" s="504">
        <v>909</v>
      </c>
      <c r="J54" s="504">
        <v>536</v>
      </c>
      <c r="K54" s="1152">
        <v>3</v>
      </c>
      <c r="L54" s="457">
        <v>-16</v>
      </c>
      <c r="M54" s="456">
        <v>-13</v>
      </c>
      <c r="N54" s="456">
        <v>-9</v>
      </c>
      <c r="O54" s="456">
        <v>6</v>
      </c>
      <c r="P54" s="447" t="s">
        <v>451</v>
      </c>
      <c r="Q54" s="458">
        <v>-1</v>
      </c>
      <c r="R54" s="459">
        <v>-8.6</v>
      </c>
      <c r="S54" s="459">
        <v>-1</v>
      </c>
      <c r="T54" s="460">
        <v>1.1000000000000001</v>
      </c>
      <c r="U54" s="461" t="s">
        <v>452</v>
      </c>
      <c r="V54" s="459">
        <v>8.6999999999999993</v>
      </c>
      <c r="W54" s="459">
        <v>57</v>
      </c>
      <c r="X54" s="459">
        <v>34.299999999999997</v>
      </c>
      <c r="Y54" s="466">
        <v>51.32</v>
      </c>
      <c r="Z54" s="460">
        <v>392.8</v>
      </c>
      <c r="AA54" s="462"/>
    </row>
    <row r="55" spans="1:27" ht="9" customHeight="1">
      <c r="A55" s="483"/>
      <c r="B55" s="456"/>
      <c r="C55" s="456"/>
      <c r="D55" s="456"/>
      <c r="E55" s="456"/>
      <c r="F55" s="456"/>
      <c r="G55" s="1126"/>
      <c r="H55" s="500"/>
      <c r="I55" s="500"/>
      <c r="J55" s="500"/>
      <c r="K55" s="1151"/>
      <c r="L55" s="457"/>
      <c r="M55" s="456"/>
      <c r="N55" s="456"/>
      <c r="O55" s="456"/>
      <c r="P55" s="447"/>
      <c r="Q55" s="458"/>
      <c r="R55" s="459"/>
      <c r="S55" s="459"/>
      <c r="T55" s="460"/>
      <c r="U55" s="461"/>
      <c r="V55" s="459"/>
      <c r="W55" s="459"/>
      <c r="X55" s="459"/>
      <c r="Y55" s="501"/>
      <c r="Z55" s="460"/>
      <c r="AA55" s="462"/>
    </row>
    <row r="56" spans="1:27" ht="12.6" customHeight="1">
      <c r="A56" s="506" t="s">
        <v>413</v>
      </c>
      <c r="B56" s="447">
        <v>650923</v>
      </c>
      <c r="C56" s="447">
        <v>82268</v>
      </c>
      <c r="D56" s="447">
        <v>407542</v>
      </c>
      <c r="E56" s="447">
        <v>157255</v>
      </c>
      <c r="F56" s="447">
        <v>3858</v>
      </c>
      <c r="G56" s="1125">
        <v>650431</v>
      </c>
      <c r="H56" s="471">
        <v>83151</v>
      </c>
      <c r="I56" s="471">
        <v>408045</v>
      </c>
      <c r="J56" s="471">
        <v>155377</v>
      </c>
      <c r="K56" s="1150">
        <v>3858</v>
      </c>
      <c r="L56" s="448">
        <v>492</v>
      </c>
      <c r="M56" s="447">
        <v>-883</v>
      </c>
      <c r="N56" s="447">
        <v>-503</v>
      </c>
      <c r="O56" s="447">
        <v>1878</v>
      </c>
      <c r="P56" s="447" t="s">
        <v>451</v>
      </c>
      <c r="Q56" s="449">
        <v>0.1</v>
      </c>
      <c r="R56" s="450">
        <v>-1.1000000000000001</v>
      </c>
      <c r="S56" s="450">
        <v>-0.1</v>
      </c>
      <c r="T56" s="451">
        <v>1.2</v>
      </c>
      <c r="U56" s="452" t="s">
        <v>452</v>
      </c>
      <c r="V56" s="450">
        <v>12.7</v>
      </c>
      <c r="W56" s="450">
        <v>63</v>
      </c>
      <c r="X56" s="450">
        <v>24.3</v>
      </c>
      <c r="Y56" s="453">
        <v>45.43</v>
      </c>
      <c r="Z56" s="451">
        <v>191.1</v>
      </c>
      <c r="AA56" s="454"/>
    </row>
    <row r="57" spans="1:27" ht="12.6" customHeight="1">
      <c r="A57" s="483" t="s">
        <v>414</v>
      </c>
      <c r="B57" s="456">
        <v>128993</v>
      </c>
      <c r="C57" s="456">
        <v>15119</v>
      </c>
      <c r="D57" s="456">
        <v>80334</v>
      </c>
      <c r="E57" s="456">
        <v>32370</v>
      </c>
      <c r="F57" s="456">
        <v>1170</v>
      </c>
      <c r="G57" s="1127">
        <v>129150</v>
      </c>
      <c r="H57" s="504">
        <v>15383</v>
      </c>
      <c r="I57" s="504">
        <v>80640</v>
      </c>
      <c r="J57" s="504">
        <v>31957</v>
      </c>
      <c r="K57" s="1152">
        <v>1170</v>
      </c>
      <c r="L57" s="457">
        <v>-157</v>
      </c>
      <c r="M57" s="456">
        <v>-264</v>
      </c>
      <c r="N57" s="456">
        <v>-306</v>
      </c>
      <c r="O57" s="456">
        <v>413</v>
      </c>
      <c r="P57" s="447" t="s">
        <v>451</v>
      </c>
      <c r="Q57" s="458">
        <v>-0.1</v>
      </c>
      <c r="R57" s="459">
        <v>-1.7</v>
      </c>
      <c r="S57" s="459">
        <v>-0.4</v>
      </c>
      <c r="T57" s="460">
        <v>1.3</v>
      </c>
      <c r="U57" s="461" t="s">
        <v>452</v>
      </c>
      <c r="V57" s="459">
        <v>11.8</v>
      </c>
      <c r="W57" s="459">
        <v>62.8</v>
      </c>
      <c r="X57" s="459">
        <v>25.3</v>
      </c>
      <c r="Y57" s="466">
        <v>46.07</v>
      </c>
      <c r="Z57" s="460">
        <v>214.1</v>
      </c>
      <c r="AA57" s="462"/>
    </row>
    <row r="58" spans="1:27" ht="12.6" customHeight="1">
      <c r="A58" s="483" t="s">
        <v>416</v>
      </c>
      <c r="B58" s="456">
        <v>214848</v>
      </c>
      <c r="C58" s="456">
        <v>29237</v>
      </c>
      <c r="D58" s="456">
        <v>138577</v>
      </c>
      <c r="E58" s="456">
        <v>46877</v>
      </c>
      <c r="F58" s="456">
        <v>157</v>
      </c>
      <c r="G58" s="1127">
        <v>213588</v>
      </c>
      <c r="H58" s="504">
        <v>29305</v>
      </c>
      <c r="I58" s="504">
        <v>137786</v>
      </c>
      <c r="J58" s="504">
        <v>46340</v>
      </c>
      <c r="K58" s="1152">
        <v>157</v>
      </c>
      <c r="L58" s="457">
        <v>1260</v>
      </c>
      <c r="M58" s="456">
        <v>-68</v>
      </c>
      <c r="N58" s="456">
        <v>791</v>
      </c>
      <c r="O58" s="456">
        <v>537</v>
      </c>
      <c r="P58" s="447" t="s">
        <v>451</v>
      </c>
      <c r="Q58" s="458">
        <v>0.6</v>
      </c>
      <c r="R58" s="459">
        <v>-0.2</v>
      </c>
      <c r="S58" s="459">
        <v>0.6</v>
      </c>
      <c r="T58" s="460">
        <v>1.2</v>
      </c>
      <c r="U58" s="461" t="s">
        <v>452</v>
      </c>
      <c r="V58" s="459">
        <v>13.6</v>
      </c>
      <c r="W58" s="459">
        <v>64.5</v>
      </c>
      <c r="X58" s="459">
        <v>21.8</v>
      </c>
      <c r="Y58" s="466">
        <v>44.24</v>
      </c>
      <c r="Z58" s="460">
        <v>160.30000000000001</v>
      </c>
      <c r="AA58" s="462"/>
    </row>
    <row r="59" spans="1:27" ht="12.6" customHeight="1">
      <c r="A59" s="483" t="s">
        <v>417</v>
      </c>
      <c r="B59" s="456">
        <v>117768</v>
      </c>
      <c r="C59" s="456">
        <v>16061</v>
      </c>
      <c r="D59" s="456">
        <v>73007</v>
      </c>
      <c r="E59" s="456">
        <v>28188</v>
      </c>
      <c r="F59" s="456">
        <v>512</v>
      </c>
      <c r="G59" s="1127">
        <v>117892</v>
      </c>
      <c r="H59" s="504">
        <v>16217</v>
      </c>
      <c r="I59" s="504">
        <v>73217</v>
      </c>
      <c r="J59" s="504">
        <v>27946</v>
      </c>
      <c r="K59" s="1152">
        <v>512</v>
      </c>
      <c r="L59" s="457">
        <v>-124</v>
      </c>
      <c r="M59" s="456">
        <v>-156</v>
      </c>
      <c r="N59" s="456">
        <v>-210</v>
      </c>
      <c r="O59" s="456">
        <v>242</v>
      </c>
      <c r="P59" s="447" t="s">
        <v>451</v>
      </c>
      <c r="Q59" s="458">
        <v>-0.1</v>
      </c>
      <c r="R59" s="459">
        <v>-1</v>
      </c>
      <c r="S59" s="459">
        <v>-0.3</v>
      </c>
      <c r="T59" s="460">
        <v>0.9</v>
      </c>
      <c r="U59" s="461" t="s">
        <v>452</v>
      </c>
      <c r="V59" s="459">
        <v>13.7</v>
      </c>
      <c r="W59" s="459">
        <v>62.3</v>
      </c>
      <c r="X59" s="459">
        <v>24</v>
      </c>
      <c r="Y59" s="466">
        <v>45.41</v>
      </c>
      <c r="Z59" s="460">
        <v>175.5</v>
      </c>
      <c r="AA59" s="462"/>
    </row>
    <row r="60" spans="1:27" ht="12.6" customHeight="1">
      <c r="A60" s="483" t="s">
        <v>418</v>
      </c>
      <c r="B60" s="456">
        <v>84496</v>
      </c>
      <c r="C60" s="456">
        <v>9390</v>
      </c>
      <c r="D60" s="456">
        <v>51431</v>
      </c>
      <c r="E60" s="456">
        <v>22488</v>
      </c>
      <c r="F60" s="456">
        <v>1187</v>
      </c>
      <c r="G60" s="1127">
        <v>84646</v>
      </c>
      <c r="H60" s="504">
        <v>9552</v>
      </c>
      <c r="I60" s="504">
        <v>51830</v>
      </c>
      <c r="J60" s="504">
        <v>22077</v>
      </c>
      <c r="K60" s="1152">
        <v>1187</v>
      </c>
      <c r="L60" s="457">
        <v>-150</v>
      </c>
      <c r="M60" s="456">
        <v>-162</v>
      </c>
      <c r="N60" s="456">
        <v>-399</v>
      </c>
      <c r="O60" s="456">
        <v>411</v>
      </c>
      <c r="P60" s="447" t="s">
        <v>451</v>
      </c>
      <c r="Q60" s="458">
        <v>-0.2</v>
      </c>
      <c r="R60" s="459">
        <v>-1.7</v>
      </c>
      <c r="S60" s="459">
        <v>-0.8</v>
      </c>
      <c r="T60" s="460">
        <v>1.9</v>
      </c>
      <c r="U60" s="461" t="s">
        <v>452</v>
      </c>
      <c r="V60" s="459">
        <v>11.3</v>
      </c>
      <c r="W60" s="459">
        <v>61.7</v>
      </c>
      <c r="X60" s="459">
        <v>27</v>
      </c>
      <c r="Y60" s="466">
        <v>46.35</v>
      </c>
      <c r="Z60" s="460">
        <v>239.5</v>
      </c>
      <c r="AA60" s="462"/>
    </row>
    <row r="61" spans="1:27" ht="12.6" customHeight="1">
      <c r="A61" s="483" t="s">
        <v>419</v>
      </c>
      <c r="B61" s="456">
        <v>51697</v>
      </c>
      <c r="C61" s="456">
        <v>6011</v>
      </c>
      <c r="D61" s="456">
        <v>33105</v>
      </c>
      <c r="E61" s="456">
        <v>12212</v>
      </c>
      <c r="F61" s="456">
        <v>369</v>
      </c>
      <c r="G61" s="1127">
        <v>51932</v>
      </c>
      <c r="H61" s="504">
        <v>6149</v>
      </c>
      <c r="I61" s="504">
        <v>33394</v>
      </c>
      <c r="J61" s="504">
        <v>12020</v>
      </c>
      <c r="K61" s="1152">
        <v>369</v>
      </c>
      <c r="L61" s="457">
        <v>-235</v>
      </c>
      <c r="M61" s="456">
        <v>-138</v>
      </c>
      <c r="N61" s="456">
        <v>-289</v>
      </c>
      <c r="O61" s="456">
        <v>192</v>
      </c>
      <c r="P61" s="447" t="s">
        <v>451</v>
      </c>
      <c r="Q61" s="458">
        <v>-0.5</v>
      </c>
      <c r="R61" s="459">
        <v>-2.2000000000000002</v>
      </c>
      <c r="S61" s="459">
        <v>-0.9</v>
      </c>
      <c r="T61" s="460">
        <v>1.6</v>
      </c>
      <c r="U61" s="461" t="s">
        <v>452</v>
      </c>
      <c r="V61" s="459">
        <v>11.7</v>
      </c>
      <c r="W61" s="459">
        <v>64.5</v>
      </c>
      <c r="X61" s="459">
        <v>23.8</v>
      </c>
      <c r="Y61" s="466">
        <v>45.18</v>
      </c>
      <c r="Z61" s="460">
        <v>203.2</v>
      </c>
      <c r="AA61" s="462"/>
    </row>
    <row r="62" spans="1:27" ht="12.6" customHeight="1">
      <c r="A62" s="483" t="s">
        <v>420</v>
      </c>
      <c r="B62" s="456">
        <v>24526</v>
      </c>
      <c r="C62" s="456">
        <v>3218</v>
      </c>
      <c r="D62" s="456">
        <v>15137</v>
      </c>
      <c r="E62" s="456">
        <v>6097</v>
      </c>
      <c r="F62" s="456">
        <v>74</v>
      </c>
      <c r="G62" s="1127">
        <v>24434</v>
      </c>
      <c r="H62" s="504">
        <v>3270</v>
      </c>
      <c r="I62" s="504">
        <v>15060</v>
      </c>
      <c r="J62" s="504">
        <v>6030</v>
      </c>
      <c r="K62" s="1152">
        <v>74</v>
      </c>
      <c r="L62" s="457">
        <v>92</v>
      </c>
      <c r="M62" s="456">
        <v>-52</v>
      </c>
      <c r="N62" s="456">
        <v>77</v>
      </c>
      <c r="O62" s="456">
        <v>67</v>
      </c>
      <c r="P62" s="447" t="s">
        <v>451</v>
      </c>
      <c r="Q62" s="458">
        <v>0.4</v>
      </c>
      <c r="R62" s="459">
        <v>-1.6</v>
      </c>
      <c r="S62" s="459">
        <v>0.5</v>
      </c>
      <c r="T62" s="460">
        <v>1.1000000000000001</v>
      </c>
      <c r="U62" s="461" t="s">
        <v>452</v>
      </c>
      <c r="V62" s="459">
        <v>13.2</v>
      </c>
      <c r="W62" s="459">
        <v>61.9</v>
      </c>
      <c r="X62" s="459">
        <v>24.9</v>
      </c>
      <c r="Y62" s="466">
        <v>45.27</v>
      </c>
      <c r="Z62" s="460">
        <v>189.5</v>
      </c>
      <c r="AA62" s="462"/>
    </row>
    <row r="63" spans="1:27" ht="12.6" customHeight="1">
      <c r="A63" s="483" t="s">
        <v>421</v>
      </c>
      <c r="B63" s="456">
        <v>15269</v>
      </c>
      <c r="C63" s="456">
        <v>1776</v>
      </c>
      <c r="D63" s="456">
        <v>8361</v>
      </c>
      <c r="E63" s="456">
        <v>4744</v>
      </c>
      <c r="F63" s="456">
        <v>388</v>
      </c>
      <c r="G63" s="1127">
        <v>15337</v>
      </c>
      <c r="H63" s="504">
        <v>1791</v>
      </c>
      <c r="I63" s="504">
        <v>8434</v>
      </c>
      <c r="J63" s="504">
        <v>4724</v>
      </c>
      <c r="K63" s="1152">
        <v>388</v>
      </c>
      <c r="L63" s="457">
        <v>-68</v>
      </c>
      <c r="M63" s="456">
        <v>-15</v>
      </c>
      <c r="N63" s="456">
        <v>-73</v>
      </c>
      <c r="O63" s="456">
        <v>20</v>
      </c>
      <c r="P63" s="447" t="s">
        <v>451</v>
      </c>
      <c r="Q63" s="458">
        <v>-0.4</v>
      </c>
      <c r="R63" s="459">
        <v>-0.8</v>
      </c>
      <c r="S63" s="459">
        <v>-0.9</v>
      </c>
      <c r="T63" s="460">
        <v>0.4</v>
      </c>
      <c r="U63" s="461" t="s">
        <v>452</v>
      </c>
      <c r="V63" s="459">
        <v>11.9</v>
      </c>
      <c r="W63" s="459">
        <v>56.2</v>
      </c>
      <c r="X63" s="459">
        <v>31.9</v>
      </c>
      <c r="Y63" s="466">
        <v>49.21</v>
      </c>
      <c r="Z63" s="460">
        <v>267.10000000000002</v>
      </c>
      <c r="AA63" s="462"/>
    </row>
    <row r="64" spans="1:27" ht="12.6" customHeight="1">
      <c r="A64" s="483" t="s">
        <v>423</v>
      </c>
      <c r="B64" s="456">
        <v>13326</v>
      </c>
      <c r="C64" s="456">
        <v>1456</v>
      </c>
      <c r="D64" s="456">
        <v>7590</v>
      </c>
      <c r="E64" s="456">
        <v>4279</v>
      </c>
      <c r="F64" s="456">
        <v>1</v>
      </c>
      <c r="G64" s="1127">
        <v>13452</v>
      </c>
      <c r="H64" s="504">
        <v>1484</v>
      </c>
      <c r="I64" s="504">
        <v>7684</v>
      </c>
      <c r="J64" s="504">
        <v>4283</v>
      </c>
      <c r="K64" s="1152">
        <v>1</v>
      </c>
      <c r="L64" s="457">
        <v>-126</v>
      </c>
      <c r="M64" s="456">
        <v>-28</v>
      </c>
      <c r="N64" s="456">
        <v>-94</v>
      </c>
      <c r="O64" s="456">
        <v>-4</v>
      </c>
      <c r="P64" s="447" t="s">
        <v>451</v>
      </c>
      <c r="Q64" s="458">
        <v>-0.9</v>
      </c>
      <c r="R64" s="459">
        <v>-1.9</v>
      </c>
      <c r="S64" s="459">
        <v>-1.2</v>
      </c>
      <c r="T64" s="460">
        <v>-0.1</v>
      </c>
      <c r="U64" s="461" t="s">
        <v>452</v>
      </c>
      <c r="V64" s="459">
        <v>10.9</v>
      </c>
      <c r="W64" s="459">
        <v>57</v>
      </c>
      <c r="X64" s="459">
        <v>32.1</v>
      </c>
      <c r="Y64" s="466">
        <v>49.85</v>
      </c>
      <c r="Z64" s="460">
        <v>293.89999999999998</v>
      </c>
      <c r="AA64" s="462"/>
    </row>
    <row r="65" spans="1:27" ht="9" customHeight="1">
      <c r="A65" s="483"/>
      <c r="B65" s="456"/>
      <c r="C65" s="456"/>
      <c r="D65" s="456"/>
      <c r="E65" s="456"/>
      <c r="F65" s="456"/>
      <c r="G65" s="1126"/>
      <c r="H65" s="500"/>
      <c r="I65" s="500"/>
      <c r="J65" s="500"/>
      <c r="K65" s="1151"/>
      <c r="L65" s="457"/>
      <c r="M65" s="456"/>
      <c r="N65" s="456"/>
      <c r="O65" s="456"/>
      <c r="P65" s="447"/>
      <c r="Q65" s="458"/>
      <c r="R65" s="459"/>
      <c r="S65" s="459"/>
      <c r="T65" s="460"/>
      <c r="U65" s="461"/>
      <c r="V65" s="459"/>
      <c r="W65" s="459"/>
      <c r="X65" s="459"/>
      <c r="Y65" s="501"/>
      <c r="Z65" s="460"/>
      <c r="AA65" s="462"/>
    </row>
    <row r="66" spans="1:27" ht="12.6" customHeight="1">
      <c r="A66" s="506" t="s">
        <v>424</v>
      </c>
      <c r="B66" s="447">
        <v>164410</v>
      </c>
      <c r="C66" s="447">
        <v>18677</v>
      </c>
      <c r="D66" s="447">
        <v>97617</v>
      </c>
      <c r="E66" s="447">
        <v>47142</v>
      </c>
      <c r="F66" s="447">
        <v>974</v>
      </c>
      <c r="G66" s="1125">
        <v>165588</v>
      </c>
      <c r="H66" s="471">
        <v>19099</v>
      </c>
      <c r="I66" s="471">
        <v>98533</v>
      </c>
      <c r="J66" s="471">
        <v>46982</v>
      </c>
      <c r="K66" s="1150">
        <v>974</v>
      </c>
      <c r="L66" s="448">
        <v>-1178</v>
      </c>
      <c r="M66" s="447">
        <v>-422</v>
      </c>
      <c r="N66" s="447">
        <v>-916</v>
      </c>
      <c r="O66" s="447">
        <v>160</v>
      </c>
      <c r="P66" s="447" t="s">
        <v>451</v>
      </c>
      <c r="Q66" s="449">
        <v>-0.7</v>
      </c>
      <c r="R66" s="450">
        <v>-2.2000000000000002</v>
      </c>
      <c r="S66" s="450">
        <v>-0.9</v>
      </c>
      <c r="T66" s="451">
        <v>0.3</v>
      </c>
      <c r="U66" s="452" t="s">
        <v>452</v>
      </c>
      <c r="V66" s="450">
        <v>11.4</v>
      </c>
      <c r="W66" s="450">
        <v>59.7</v>
      </c>
      <c r="X66" s="450">
        <v>28.8</v>
      </c>
      <c r="Y66" s="453">
        <v>47.98</v>
      </c>
      <c r="Z66" s="451">
        <v>252.4</v>
      </c>
      <c r="AA66" s="454"/>
    </row>
    <row r="67" spans="1:27" ht="12.6" customHeight="1">
      <c r="A67" s="483" t="s">
        <v>425</v>
      </c>
      <c r="B67" s="456">
        <v>92356</v>
      </c>
      <c r="C67" s="456">
        <v>10844</v>
      </c>
      <c r="D67" s="456">
        <v>55895</v>
      </c>
      <c r="E67" s="456">
        <v>24935</v>
      </c>
      <c r="F67" s="456">
        <v>682</v>
      </c>
      <c r="G67" s="1127">
        <v>92907</v>
      </c>
      <c r="H67" s="504">
        <v>11013</v>
      </c>
      <c r="I67" s="504">
        <v>56376</v>
      </c>
      <c r="J67" s="504">
        <v>24836</v>
      </c>
      <c r="K67" s="1152">
        <v>682</v>
      </c>
      <c r="L67" s="457">
        <v>-551</v>
      </c>
      <c r="M67" s="456">
        <v>-169</v>
      </c>
      <c r="N67" s="456">
        <v>-481</v>
      </c>
      <c r="O67" s="456">
        <v>99</v>
      </c>
      <c r="P67" s="447" t="s">
        <v>451</v>
      </c>
      <c r="Q67" s="458">
        <v>-0.6</v>
      </c>
      <c r="R67" s="459">
        <v>-1.5</v>
      </c>
      <c r="S67" s="459">
        <v>-0.9</v>
      </c>
      <c r="T67" s="460">
        <v>0.4</v>
      </c>
      <c r="U67" s="461" t="s">
        <v>452</v>
      </c>
      <c r="V67" s="459">
        <v>11.8</v>
      </c>
      <c r="W67" s="459">
        <v>61</v>
      </c>
      <c r="X67" s="459">
        <v>27.2</v>
      </c>
      <c r="Y67" s="466">
        <v>47.2</v>
      </c>
      <c r="Z67" s="460">
        <v>229.9</v>
      </c>
      <c r="AA67" s="462"/>
    </row>
    <row r="68" spans="1:27" ht="12.6" customHeight="1">
      <c r="A68" s="483" t="s">
        <v>426</v>
      </c>
      <c r="B68" s="456">
        <v>20515</v>
      </c>
      <c r="C68" s="456">
        <v>2432</v>
      </c>
      <c r="D68" s="456">
        <v>11987</v>
      </c>
      <c r="E68" s="456">
        <v>6055</v>
      </c>
      <c r="F68" s="456">
        <v>41</v>
      </c>
      <c r="G68" s="1127">
        <v>20764</v>
      </c>
      <c r="H68" s="504">
        <v>2523</v>
      </c>
      <c r="I68" s="504">
        <v>12187</v>
      </c>
      <c r="J68" s="504">
        <v>6013</v>
      </c>
      <c r="K68" s="1152">
        <v>41</v>
      </c>
      <c r="L68" s="457">
        <v>-249</v>
      </c>
      <c r="M68" s="456">
        <v>-91</v>
      </c>
      <c r="N68" s="456">
        <v>-200</v>
      </c>
      <c r="O68" s="456">
        <v>42</v>
      </c>
      <c r="P68" s="447" t="s">
        <v>451</v>
      </c>
      <c r="Q68" s="458">
        <v>-1.2</v>
      </c>
      <c r="R68" s="459">
        <v>-3.6</v>
      </c>
      <c r="S68" s="459">
        <v>-1.6</v>
      </c>
      <c r="T68" s="460">
        <v>0.7</v>
      </c>
      <c r="U68" s="461" t="s">
        <v>452</v>
      </c>
      <c r="V68" s="459">
        <v>11.9</v>
      </c>
      <c r="W68" s="459">
        <v>58.5</v>
      </c>
      <c r="X68" s="459">
        <v>29.6</v>
      </c>
      <c r="Y68" s="466">
        <v>48.06</v>
      </c>
      <c r="Z68" s="460">
        <v>249</v>
      </c>
      <c r="AA68" s="462"/>
    </row>
    <row r="69" spans="1:27" ht="12.6" customHeight="1">
      <c r="A69" s="483" t="s">
        <v>427</v>
      </c>
      <c r="B69" s="456">
        <v>4714</v>
      </c>
      <c r="C69" s="456">
        <v>457</v>
      </c>
      <c r="D69" s="456">
        <v>2757</v>
      </c>
      <c r="E69" s="456">
        <v>1492</v>
      </c>
      <c r="F69" s="456">
        <v>8</v>
      </c>
      <c r="G69" s="1127">
        <v>4736</v>
      </c>
      <c r="H69" s="504">
        <v>478</v>
      </c>
      <c r="I69" s="504">
        <v>2763</v>
      </c>
      <c r="J69" s="504">
        <v>1487</v>
      </c>
      <c r="K69" s="1152">
        <v>8</v>
      </c>
      <c r="L69" s="457">
        <v>-22</v>
      </c>
      <c r="M69" s="456">
        <v>-21</v>
      </c>
      <c r="N69" s="456">
        <v>-6</v>
      </c>
      <c r="O69" s="456">
        <v>5</v>
      </c>
      <c r="P69" s="447" t="s">
        <v>451</v>
      </c>
      <c r="Q69" s="458">
        <v>-0.5</v>
      </c>
      <c r="R69" s="459">
        <v>-4.4000000000000004</v>
      </c>
      <c r="S69" s="459">
        <v>-0.2</v>
      </c>
      <c r="T69" s="460">
        <v>0.3</v>
      </c>
      <c r="U69" s="461" t="s">
        <v>452</v>
      </c>
      <c r="V69" s="459">
        <v>9.6999999999999993</v>
      </c>
      <c r="W69" s="459">
        <v>58.6</v>
      </c>
      <c r="X69" s="459">
        <v>31.7</v>
      </c>
      <c r="Y69" s="466">
        <v>49.09</v>
      </c>
      <c r="Z69" s="460">
        <v>326.5</v>
      </c>
      <c r="AA69" s="462"/>
    </row>
    <row r="70" spans="1:27" ht="12.6" customHeight="1">
      <c r="A70" s="483" t="s">
        <v>428</v>
      </c>
      <c r="B70" s="456">
        <v>8488</v>
      </c>
      <c r="C70" s="456">
        <v>1042</v>
      </c>
      <c r="D70" s="456">
        <v>5265</v>
      </c>
      <c r="E70" s="456">
        <v>2157</v>
      </c>
      <c r="F70" s="456">
        <v>24</v>
      </c>
      <c r="G70" s="1127">
        <v>8474</v>
      </c>
      <c r="H70" s="504">
        <v>1079</v>
      </c>
      <c r="I70" s="504">
        <v>5225</v>
      </c>
      <c r="J70" s="504">
        <v>2146</v>
      </c>
      <c r="K70" s="1152">
        <v>24</v>
      </c>
      <c r="L70" s="457">
        <v>14</v>
      </c>
      <c r="M70" s="456">
        <v>-37</v>
      </c>
      <c r="N70" s="456">
        <v>40</v>
      </c>
      <c r="O70" s="456">
        <v>11</v>
      </c>
      <c r="P70" s="447" t="s">
        <v>451</v>
      </c>
      <c r="Q70" s="458">
        <v>0.2</v>
      </c>
      <c r="R70" s="459">
        <v>-3.4</v>
      </c>
      <c r="S70" s="459">
        <v>0.8</v>
      </c>
      <c r="T70" s="460">
        <v>0.5</v>
      </c>
      <c r="U70" s="461" t="s">
        <v>452</v>
      </c>
      <c r="V70" s="459">
        <v>12.3</v>
      </c>
      <c r="W70" s="459">
        <v>62.2</v>
      </c>
      <c r="X70" s="459">
        <v>25.5</v>
      </c>
      <c r="Y70" s="466">
        <v>45.84</v>
      </c>
      <c r="Z70" s="460">
        <v>207</v>
      </c>
      <c r="AA70" s="462"/>
    </row>
    <row r="71" spans="1:27" ht="12.6" customHeight="1">
      <c r="A71" s="483" t="s">
        <v>429</v>
      </c>
      <c r="B71" s="456">
        <v>5330</v>
      </c>
      <c r="C71" s="456">
        <v>564</v>
      </c>
      <c r="D71" s="456">
        <v>3198</v>
      </c>
      <c r="E71" s="456">
        <v>1566</v>
      </c>
      <c r="F71" s="456">
        <v>2</v>
      </c>
      <c r="G71" s="1127">
        <v>5395</v>
      </c>
      <c r="H71" s="504">
        <v>564</v>
      </c>
      <c r="I71" s="504">
        <v>3263</v>
      </c>
      <c r="J71" s="504">
        <v>1566</v>
      </c>
      <c r="K71" s="1152">
        <v>2</v>
      </c>
      <c r="L71" s="457">
        <v>-65</v>
      </c>
      <c r="M71" s="456">
        <v>0</v>
      </c>
      <c r="N71" s="456">
        <v>-65</v>
      </c>
      <c r="O71" s="456">
        <v>0</v>
      </c>
      <c r="P71" s="447" t="s">
        <v>451</v>
      </c>
      <c r="Q71" s="458">
        <v>-1.2</v>
      </c>
      <c r="R71" s="459">
        <v>0</v>
      </c>
      <c r="S71" s="459">
        <v>-2</v>
      </c>
      <c r="T71" s="460">
        <v>0</v>
      </c>
      <c r="U71" s="461" t="s">
        <v>452</v>
      </c>
      <c r="V71" s="459">
        <v>10.6</v>
      </c>
      <c r="W71" s="459">
        <v>60</v>
      </c>
      <c r="X71" s="459">
        <v>29.4</v>
      </c>
      <c r="Y71" s="466">
        <v>48.47</v>
      </c>
      <c r="Z71" s="460">
        <v>277.7</v>
      </c>
      <c r="AA71" s="462"/>
    </row>
    <row r="72" spans="1:27" ht="12.6" customHeight="1">
      <c r="A72" s="483" t="s">
        <v>430</v>
      </c>
      <c r="B72" s="456">
        <v>4726</v>
      </c>
      <c r="C72" s="456">
        <v>422</v>
      </c>
      <c r="D72" s="456">
        <v>2577</v>
      </c>
      <c r="E72" s="456">
        <v>1727</v>
      </c>
      <c r="F72" s="456">
        <v>0</v>
      </c>
      <c r="G72" s="1127">
        <v>4829</v>
      </c>
      <c r="H72" s="504">
        <v>442</v>
      </c>
      <c r="I72" s="504">
        <v>2660</v>
      </c>
      <c r="J72" s="504">
        <v>1727</v>
      </c>
      <c r="K72" s="1152">
        <v>0</v>
      </c>
      <c r="L72" s="457">
        <v>-103</v>
      </c>
      <c r="M72" s="456">
        <v>-20</v>
      </c>
      <c r="N72" s="456">
        <v>-83</v>
      </c>
      <c r="O72" s="456">
        <v>0</v>
      </c>
      <c r="P72" s="447" t="s">
        <v>451</v>
      </c>
      <c r="Q72" s="458">
        <v>-2.1</v>
      </c>
      <c r="R72" s="459">
        <v>-4.5</v>
      </c>
      <c r="S72" s="459">
        <v>-3.1</v>
      </c>
      <c r="T72" s="460">
        <v>0</v>
      </c>
      <c r="U72" s="461" t="s">
        <v>452</v>
      </c>
      <c r="V72" s="459">
        <v>8.9</v>
      </c>
      <c r="W72" s="459">
        <v>54.5</v>
      </c>
      <c r="X72" s="459">
        <v>36.5</v>
      </c>
      <c r="Y72" s="466">
        <v>52.13</v>
      </c>
      <c r="Z72" s="460">
        <v>409.2</v>
      </c>
      <c r="AA72" s="462"/>
    </row>
    <row r="73" spans="1:27" ht="12.6" customHeight="1">
      <c r="A73" s="483" t="s">
        <v>431</v>
      </c>
      <c r="B73" s="456">
        <v>8777</v>
      </c>
      <c r="C73" s="456">
        <v>1371</v>
      </c>
      <c r="D73" s="456">
        <v>5346</v>
      </c>
      <c r="E73" s="456">
        <v>2042</v>
      </c>
      <c r="F73" s="456">
        <v>18</v>
      </c>
      <c r="G73" s="1127">
        <v>8667</v>
      </c>
      <c r="H73" s="504">
        <v>1364</v>
      </c>
      <c r="I73" s="504">
        <v>5274</v>
      </c>
      <c r="J73" s="504">
        <v>2011</v>
      </c>
      <c r="K73" s="1152">
        <v>18</v>
      </c>
      <c r="L73" s="457">
        <v>110</v>
      </c>
      <c r="M73" s="456">
        <v>7</v>
      </c>
      <c r="N73" s="456">
        <v>72</v>
      </c>
      <c r="O73" s="456">
        <v>31</v>
      </c>
      <c r="P73" s="447" t="s">
        <v>451</v>
      </c>
      <c r="Q73" s="458">
        <v>1.3</v>
      </c>
      <c r="R73" s="459">
        <v>0.5</v>
      </c>
      <c r="S73" s="459">
        <v>1.4</v>
      </c>
      <c r="T73" s="460">
        <v>1.5</v>
      </c>
      <c r="U73" s="461" t="s">
        <v>452</v>
      </c>
      <c r="V73" s="459">
        <v>15.7</v>
      </c>
      <c r="W73" s="459">
        <v>61</v>
      </c>
      <c r="X73" s="459">
        <v>23.3</v>
      </c>
      <c r="Y73" s="466">
        <v>44.24</v>
      </c>
      <c r="Z73" s="460">
        <v>148.9</v>
      </c>
      <c r="AA73" s="462"/>
    </row>
    <row r="74" spans="1:27" ht="12.6" customHeight="1">
      <c r="A74" s="483" t="s">
        <v>432</v>
      </c>
      <c r="B74" s="456">
        <v>5306</v>
      </c>
      <c r="C74" s="456">
        <v>346</v>
      </c>
      <c r="D74" s="456">
        <v>3033</v>
      </c>
      <c r="E74" s="456">
        <v>1788</v>
      </c>
      <c r="F74" s="456">
        <v>139</v>
      </c>
      <c r="G74" s="1127">
        <v>5378</v>
      </c>
      <c r="H74" s="504">
        <v>374</v>
      </c>
      <c r="I74" s="504">
        <v>3070</v>
      </c>
      <c r="J74" s="504">
        <v>1795</v>
      </c>
      <c r="K74" s="1152">
        <v>139</v>
      </c>
      <c r="L74" s="457">
        <v>-72</v>
      </c>
      <c r="M74" s="456">
        <v>-28</v>
      </c>
      <c r="N74" s="456">
        <v>-37</v>
      </c>
      <c r="O74" s="456">
        <v>-7</v>
      </c>
      <c r="P74" s="447" t="s">
        <v>451</v>
      </c>
      <c r="Q74" s="458">
        <v>-1.3</v>
      </c>
      <c r="R74" s="459">
        <v>-7.5</v>
      </c>
      <c r="S74" s="459">
        <v>-1.2</v>
      </c>
      <c r="T74" s="460">
        <v>-0.4</v>
      </c>
      <c r="U74" s="461" t="s">
        <v>452</v>
      </c>
      <c r="V74" s="459">
        <v>6.7</v>
      </c>
      <c r="W74" s="459">
        <v>58.7</v>
      </c>
      <c r="X74" s="459">
        <v>34.6</v>
      </c>
      <c r="Y74" s="466">
        <v>51.19</v>
      </c>
      <c r="Z74" s="460">
        <v>516.79999999999995</v>
      </c>
      <c r="AA74" s="462"/>
    </row>
    <row r="75" spans="1:27" ht="12.6" customHeight="1">
      <c r="A75" s="483" t="s">
        <v>433</v>
      </c>
      <c r="B75" s="456">
        <v>3181</v>
      </c>
      <c r="C75" s="456">
        <v>231</v>
      </c>
      <c r="D75" s="456">
        <v>1690</v>
      </c>
      <c r="E75" s="456">
        <v>1260</v>
      </c>
      <c r="F75" s="456">
        <v>0</v>
      </c>
      <c r="G75" s="1127">
        <v>3245</v>
      </c>
      <c r="H75" s="504">
        <v>250</v>
      </c>
      <c r="I75" s="504">
        <v>1736</v>
      </c>
      <c r="J75" s="504">
        <v>1259</v>
      </c>
      <c r="K75" s="1152">
        <v>0</v>
      </c>
      <c r="L75" s="457">
        <v>-64</v>
      </c>
      <c r="M75" s="456">
        <v>-19</v>
      </c>
      <c r="N75" s="456">
        <v>-46</v>
      </c>
      <c r="O75" s="456">
        <v>1</v>
      </c>
      <c r="P75" s="447" t="s">
        <v>451</v>
      </c>
      <c r="Q75" s="458">
        <v>-2</v>
      </c>
      <c r="R75" s="459">
        <v>-7.6</v>
      </c>
      <c r="S75" s="459">
        <v>-2.6</v>
      </c>
      <c r="T75" s="460">
        <v>0.1</v>
      </c>
      <c r="U75" s="461" t="s">
        <v>452</v>
      </c>
      <c r="V75" s="459">
        <v>7.3</v>
      </c>
      <c r="W75" s="459">
        <v>53.1</v>
      </c>
      <c r="X75" s="459">
        <v>39.6</v>
      </c>
      <c r="Y75" s="466">
        <v>54.47</v>
      </c>
      <c r="Z75" s="460">
        <v>545.5</v>
      </c>
      <c r="AA75" s="462"/>
    </row>
    <row r="76" spans="1:27" ht="12.6" customHeight="1">
      <c r="A76" s="483" t="s">
        <v>434</v>
      </c>
      <c r="B76" s="456">
        <v>11017</v>
      </c>
      <c r="C76" s="456">
        <v>968</v>
      </c>
      <c r="D76" s="456">
        <v>5869</v>
      </c>
      <c r="E76" s="456">
        <v>4120</v>
      </c>
      <c r="F76" s="456">
        <v>60</v>
      </c>
      <c r="G76" s="1127">
        <v>11193</v>
      </c>
      <c r="H76" s="504">
        <v>1012</v>
      </c>
      <c r="I76" s="504">
        <v>5979</v>
      </c>
      <c r="J76" s="504">
        <v>4142</v>
      </c>
      <c r="K76" s="1152">
        <v>60</v>
      </c>
      <c r="L76" s="457">
        <v>-176</v>
      </c>
      <c r="M76" s="456">
        <v>-44</v>
      </c>
      <c r="N76" s="456">
        <v>-110</v>
      </c>
      <c r="O76" s="456">
        <v>-22</v>
      </c>
      <c r="P76" s="447" t="s">
        <v>451</v>
      </c>
      <c r="Q76" s="458">
        <v>-1.6</v>
      </c>
      <c r="R76" s="459">
        <v>-4.3</v>
      </c>
      <c r="S76" s="459">
        <v>-1.8</v>
      </c>
      <c r="T76" s="460">
        <v>-0.5</v>
      </c>
      <c r="U76" s="461" t="s">
        <v>452</v>
      </c>
      <c r="V76" s="459">
        <v>8.8000000000000007</v>
      </c>
      <c r="W76" s="459">
        <v>53.6</v>
      </c>
      <c r="X76" s="459">
        <v>37.6</v>
      </c>
      <c r="Y76" s="466">
        <v>53.08</v>
      </c>
      <c r="Z76" s="460">
        <v>425.6</v>
      </c>
      <c r="AA76" s="462"/>
    </row>
    <row r="77" spans="1:27" ht="9" customHeight="1">
      <c r="A77" s="483"/>
      <c r="B77" s="456"/>
      <c r="C77" s="456"/>
      <c r="D77" s="456"/>
      <c r="E77" s="456"/>
      <c r="F77" s="456"/>
      <c r="G77" s="1126"/>
      <c r="H77" s="500"/>
      <c r="I77" s="500"/>
      <c r="J77" s="500"/>
      <c r="K77" s="1151"/>
      <c r="L77" s="457"/>
      <c r="M77" s="456"/>
      <c r="N77" s="456"/>
      <c r="O77" s="456"/>
      <c r="P77" s="447"/>
      <c r="Q77" s="458"/>
      <c r="R77" s="459"/>
      <c r="S77" s="459"/>
      <c r="T77" s="460"/>
      <c r="U77" s="459"/>
      <c r="V77" s="459"/>
      <c r="W77" s="459"/>
      <c r="X77" s="459"/>
      <c r="Y77" s="501"/>
      <c r="Z77" s="460"/>
      <c r="AA77" s="462"/>
    </row>
    <row r="78" spans="1:27" ht="12.6" customHeight="1">
      <c r="A78" s="502"/>
      <c r="B78" s="447"/>
      <c r="C78" s="447"/>
      <c r="D78" s="447"/>
      <c r="E78" s="447"/>
      <c r="F78" s="447"/>
      <c r="G78" s="1125"/>
      <c r="H78" s="471"/>
      <c r="I78" s="471"/>
      <c r="J78" s="471"/>
      <c r="K78" s="1150"/>
      <c r="L78" s="448"/>
      <c r="M78" s="447"/>
      <c r="N78" s="447"/>
      <c r="O78" s="447"/>
      <c r="P78" s="447"/>
      <c r="Q78" s="449"/>
      <c r="R78" s="450"/>
      <c r="S78" s="450"/>
      <c r="T78" s="451"/>
      <c r="U78" s="450"/>
      <c r="V78" s="450"/>
      <c r="W78" s="450"/>
      <c r="X78" s="450"/>
      <c r="Y78" s="453"/>
      <c r="Z78" s="451"/>
      <c r="AA78" s="462"/>
    </row>
    <row r="79" spans="1:27" ht="12.6" customHeight="1">
      <c r="A79" s="483"/>
      <c r="B79" s="456"/>
      <c r="C79" s="456"/>
      <c r="D79" s="456"/>
      <c r="E79" s="456"/>
      <c r="F79" s="456"/>
      <c r="G79" s="1127"/>
      <c r="H79" s="504"/>
      <c r="I79" s="504"/>
      <c r="J79" s="504"/>
      <c r="K79" s="1152"/>
      <c r="L79" s="457"/>
      <c r="M79" s="456"/>
      <c r="N79" s="456"/>
      <c r="O79" s="456"/>
      <c r="P79" s="447"/>
      <c r="Q79" s="458"/>
      <c r="R79" s="459"/>
      <c r="S79" s="459"/>
      <c r="T79" s="460"/>
      <c r="U79" s="459"/>
      <c r="V79" s="459"/>
      <c r="W79" s="459"/>
      <c r="X79" s="459"/>
      <c r="Y79" s="466"/>
      <c r="Z79" s="460"/>
      <c r="AA79" s="462"/>
    </row>
    <row r="80" spans="1:27" ht="12.6" customHeight="1" thickBot="1">
      <c r="A80" s="484"/>
      <c r="B80" s="485"/>
      <c r="C80" s="485"/>
      <c r="D80" s="485"/>
      <c r="E80" s="485"/>
      <c r="F80" s="485"/>
      <c r="G80" s="1128"/>
      <c r="H80" s="507"/>
      <c r="I80" s="507"/>
      <c r="J80" s="507"/>
      <c r="K80" s="1153"/>
      <c r="L80" s="486"/>
      <c r="M80" s="485"/>
      <c r="N80" s="485"/>
      <c r="O80" s="485"/>
      <c r="P80" s="487"/>
      <c r="Q80" s="488"/>
      <c r="R80" s="489"/>
      <c r="S80" s="489"/>
      <c r="T80" s="490"/>
      <c r="U80" s="489"/>
      <c r="V80" s="489"/>
      <c r="W80" s="489"/>
      <c r="X80" s="489"/>
      <c r="Y80" s="491"/>
      <c r="Z80" s="490"/>
      <c r="AA80" s="462"/>
    </row>
    <row r="81" spans="1:27" s="512" customFormat="1" ht="15.95" customHeight="1" thickTop="1">
      <c r="A81" s="508" t="s">
        <v>436</v>
      </c>
      <c r="B81" s="509"/>
      <c r="C81" s="509"/>
      <c r="D81" s="509"/>
      <c r="E81" s="509"/>
      <c r="F81" s="509"/>
      <c r="G81" s="509"/>
      <c r="H81" s="509"/>
      <c r="I81" s="509"/>
      <c r="J81" s="509"/>
      <c r="K81" s="509"/>
      <c r="L81" s="509"/>
      <c r="M81" s="509"/>
      <c r="N81" s="509"/>
      <c r="O81" s="509"/>
      <c r="P81" s="509"/>
      <c r="Q81" s="510"/>
      <c r="R81" s="510"/>
      <c r="S81" s="510"/>
      <c r="T81" s="510"/>
      <c r="U81" s="510"/>
      <c r="V81" s="510"/>
      <c r="W81" s="510"/>
      <c r="X81" s="510"/>
      <c r="Y81" s="511"/>
      <c r="Z81" s="511"/>
      <c r="AA81" s="423"/>
    </row>
  </sheetData>
  <mergeCells count="5">
    <mergeCell ref="B2:F2"/>
    <mergeCell ref="G2:K2"/>
    <mergeCell ref="L2:O2"/>
    <mergeCell ref="Q2:T2"/>
    <mergeCell ref="U2:X2"/>
  </mergeCells>
  <phoneticPr fontId="2"/>
  <printOptions horizontalCentered="1" gridLinesSet="0"/>
  <pageMargins left="0.59055118110236227" right="0.59055118110236227" top="0.59055118110236227" bottom="0.59055118110236227" header="0" footer="0"/>
  <pageSetup paperSize="9" scale="82" fitToWidth="0" orientation="portrait" blackAndWhite="1" r:id="rId1"/>
  <headerFooter differentOddEven="1" scaleWithDoc="0" alignWithMargins="0">
    <oddFooter>&amp;C&amp;"ＭＳ ゴシック,太字"&amp;10-18-</oddFooter>
    <evenFooter>&amp;C&amp;"ＭＳ ゴシック,太字"&amp;10-19-</even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81"/>
  <sheetViews>
    <sheetView zoomScaleNormal="100" workbookViewId="0"/>
  </sheetViews>
  <sheetFormatPr defaultRowHeight="13.5"/>
  <cols>
    <col min="1" max="1" width="16.25" style="165" customWidth="1"/>
    <col min="2" max="5" width="9.625" style="423" customWidth="1"/>
    <col min="6" max="6" width="7.625" style="423" customWidth="1"/>
    <col min="7" max="10" width="9.625" style="423" customWidth="1"/>
    <col min="11" max="11" width="7.875" style="423" customWidth="1"/>
    <col min="12" max="12" width="8.75" style="423" customWidth="1"/>
    <col min="13" max="15" width="8.625" style="423" customWidth="1"/>
    <col min="16" max="16" width="7.625" style="423" hidden="1" customWidth="1"/>
    <col min="17" max="21" width="7.25" style="423" customWidth="1"/>
    <col min="22" max="24" width="8.125" style="423" customWidth="1"/>
    <col min="25" max="25" width="7.875" style="423" customWidth="1"/>
    <col min="26" max="26" width="8.875" style="423" customWidth="1"/>
    <col min="27" max="27" width="3.875" style="423" customWidth="1"/>
    <col min="28" max="16384" width="9" style="165"/>
  </cols>
  <sheetData>
    <row r="1" spans="1:27" ht="15.95" customHeight="1" thickBot="1">
      <c r="A1" s="493" t="s">
        <v>454</v>
      </c>
      <c r="L1" s="544"/>
      <c r="M1" s="544"/>
      <c r="N1" s="544"/>
      <c r="O1" s="1149" t="s">
        <v>454</v>
      </c>
      <c r="P1" s="1149"/>
      <c r="Q1" s="544"/>
      <c r="R1" s="544"/>
      <c r="S1" s="1149"/>
      <c r="T1" s="1149"/>
      <c r="U1" s="1149"/>
      <c r="V1" s="544"/>
      <c r="W1" s="544"/>
      <c r="X1" s="544"/>
      <c r="Y1" s="544"/>
      <c r="Z1" s="544"/>
    </row>
    <row r="2" spans="1:27" ht="15" customHeight="1" thickTop="1">
      <c r="A2" s="494"/>
      <c r="B2" s="1273" t="s">
        <v>439</v>
      </c>
      <c r="C2" s="1274"/>
      <c r="D2" s="1274"/>
      <c r="E2" s="1274"/>
      <c r="F2" s="1275"/>
      <c r="G2" s="1273" t="s">
        <v>440</v>
      </c>
      <c r="H2" s="1274"/>
      <c r="I2" s="1274"/>
      <c r="J2" s="1274"/>
      <c r="K2" s="1274"/>
      <c r="L2" s="1284" t="s">
        <v>441</v>
      </c>
      <c r="M2" s="1284"/>
      <c r="N2" s="1284"/>
      <c r="O2" s="1285"/>
      <c r="P2" s="495"/>
      <c r="Q2" s="1273" t="s">
        <v>442</v>
      </c>
      <c r="R2" s="1274"/>
      <c r="S2" s="1274"/>
      <c r="T2" s="1275"/>
      <c r="U2" s="1286" t="s">
        <v>443</v>
      </c>
      <c r="V2" s="1287"/>
      <c r="W2" s="1287"/>
      <c r="X2" s="1288"/>
      <c r="Y2" s="427" t="s">
        <v>444</v>
      </c>
      <c r="Z2" s="428" t="s">
        <v>444</v>
      </c>
      <c r="AA2" s="429"/>
    </row>
    <row r="3" spans="1:27" s="497" customFormat="1" ht="15" customHeight="1">
      <c r="A3" s="496" t="s">
        <v>347</v>
      </c>
      <c r="B3" s="431" t="s">
        <v>446</v>
      </c>
      <c r="C3" s="431" t="s">
        <v>447</v>
      </c>
      <c r="D3" s="432" t="s">
        <v>350</v>
      </c>
      <c r="E3" s="432" t="s">
        <v>351</v>
      </c>
      <c r="F3" s="433" t="s">
        <v>352</v>
      </c>
      <c r="G3" s="431" t="s">
        <v>214</v>
      </c>
      <c r="H3" s="431" t="s">
        <v>447</v>
      </c>
      <c r="I3" s="432" t="s">
        <v>350</v>
      </c>
      <c r="J3" s="431" t="s">
        <v>351</v>
      </c>
      <c r="K3" s="435" t="s">
        <v>352</v>
      </c>
      <c r="L3" s="434" t="s">
        <v>446</v>
      </c>
      <c r="M3" s="436" t="s">
        <v>353</v>
      </c>
      <c r="N3" s="437" t="s">
        <v>350</v>
      </c>
      <c r="O3" s="437" t="s">
        <v>351</v>
      </c>
      <c r="P3" s="433" t="s">
        <v>352</v>
      </c>
      <c r="Q3" s="438" t="s">
        <v>449</v>
      </c>
      <c r="R3" s="436" t="s">
        <v>353</v>
      </c>
      <c r="S3" s="433" t="s">
        <v>350</v>
      </c>
      <c r="T3" s="435" t="s">
        <v>351</v>
      </c>
      <c r="U3" s="437" t="s">
        <v>449</v>
      </c>
      <c r="V3" s="437" t="s">
        <v>447</v>
      </c>
      <c r="W3" s="433" t="s">
        <v>350</v>
      </c>
      <c r="X3" s="433" t="s">
        <v>351</v>
      </c>
      <c r="Y3" s="439" t="s">
        <v>356</v>
      </c>
      <c r="Z3" s="435" t="s">
        <v>357</v>
      </c>
      <c r="AA3" s="429"/>
    </row>
    <row r="4" spans="1:27" s="497" customFormat="1" ht="11.25" customHeight="1">
      <c r="A4" s="498"/>
      <c r="B4" s="442" t="s">
        <v>212</v>
      </c>
      <c r="C4" s="442" t="s">
        <v>212</v>
      </c>
      <c r="D4" s="442" t="s">
        <v>212</v>
      </c>
      <c r="E4" s="442" t="s">
        <v>212</v>
      </c>
      <c r="F4" s="442" t="s">
        <v>212</v>
      </c>
      <c r="G4" s="444" t="s">
        <v>212</v>
      </c>
      <c r="H4" s="442" t="s">
        <v>212</v>
      </c>
      <c r="I4" s="442" t="s">
        <v>212</v>
      </c>
      <c r="J4" s="442" t="s">
        <v>212</v>
      </c>
      <c r="K4" s="445" t="s">
        <v>212</v>
      </c>
      <c r="L4" s="443" t="s">
        <v>212</v>
      </c>
      <c r="M4" s="442" t="s">
        <v>212</v>
      </c>
      <c r="N4" s="442" t="s">
        <v>212</v>
      </c>
      <c r="O4" s="442" t="s">
        <v>212</v>
      </c>
      <c r="P4" s="442"/>
      <c r="Q4" s="443" t="s">
        <v>175</v>
      </c>
      <c r="R4" s="442" t="s">
        <v>175</v>
      </c>
      <c r="S4" s="442" t="s">
        <v>175</v>
      </c>
      <c r="T4" s="444" t="s">
        <v>175</v>
      </c>
      <c r="U4" s="442" t="s">
        <v>175</v>
      </c>
      <c r="V4" s="442" t="s">
        <v>175</v>
      </c>
      <c r="W4" s="442" t="s">
        <v>175</v>
      </c>
      <c r="X4" s="442" t="s">
        <v>175</v>
      </c>
      <c r="Y4" s="445" t="s">
        <v>202</v>
      </c>
      <c r="Z4" s="444"/>
      <c r="AA4" s="445"/>
    </row>
    <row r="5" spans="1:27" ht="12.6" customHeight="1">
      <c r="A5" s="499" t="s">
        <v>450</v>
      </c>
      <c r="B5" s="447">
        <v>4616014</v>
      </c>
      <c r="C5" s="447">
        <v>534039</v>
      </c>
      <c r="D5" s="447">
        <v>2766212</v>
      </c>
      <c r="E5" s="447">
        <v>1282207</v>
      </c>
      <c r="F5" s="447">
        <v>33556</v>
      </c>
      <c r="G5" s="1129">
        <v>4604102</v>
      </c>
      <c r="H5" s="513">
        <v>539747</v>
      </c>
      <c r="I5" s="513">
        <v>2762730</v>
      </c>
      <c r="J5" s="513">
        <v>1268069</v>
      </c>
      <c r="K5" s="1154">
        <v>33556</v>
      </c>
      <c r="L5" s="1158">
        <v>11912</v>
      </c>
      <c r="M5" s="447">
        <v>-5708</v>
      </c>
      <c r="N5" s="447">
        <v>3482</v>
      </c>
      <c r="O5" s="447">
        <v>14138</v>
      </c>
      <c r="P5" s="447" t="s">
        <v>451</v>
      </c>
      <c r="Q5" s="515">
        <v>0.3</v>
      </c>
      <c r="R5" s="516">
        <v>-1.1000000000000001</v>
      </c>
      <c r="S5" s="516">
        <v>0.1</v>
      </c>
      <c r="T5" s="517">
        <v>1.1000000000000001</v>
      </c>
      <c r="U5" s="452" t="s">
        <v>452</v>
      </c>
      <c r="V5" s="450">
        <v>11.7</v>
      </c>
      <c r="W5" s="450">
        <v>60.4</v>
      </c>
      <c r="X5" s="450">
        <v>28</v>
      </c>
      <c r="Y5" s="518">
        <v>47.44</v>
      </c>
      <c r="Z5" s="517">
        <v>240.1</v>
      </c>
      <c r="AA5" s="454"/>
    </row>
    <row r="6" spans="1:27" ht="10.5" customHeight="1">
      <c r="A6" s="483"/>
      <c r="B6" s="456"/>
      <c r="C6" s="456"/>
      <c r="D6" s="456"/>
      <c r="E6" s="456"/>
      <c r="F6" s="456"/>
      <c r="G6" s="1130"/>
      <c r="H6" s="519"/>
      <c r="I6" s="519"/>
      <c r="J6" s="519"/>
      <c r="K6" s="1155"/>
      <c r="L6" s="1159"/>
      <c r="M6" s="520"/>
      <c r="N6" s="520"/>
      <c r="O6" s="520"/>
      <c r="P6" s="447"/>
      <c r="Q6" s="521"/>
      <c r="R6" s="522"/>
      <c r="S6" s="522"/>
      <c r="T6" s="523"/>
      <c r="U6" s="461"/>
      <c r="V6" s="459"/>
      <c r="W6" s="459"/>
      <c r="X6" s="459"/>
      <c r="Y6" s="501"/>
      <c r="Z6" s="523"/>
      <c r="AA6" s="462"/>
    </row>
    <row r="7" spans="1:27" s="524" customFormat="1" ht="12.6" customHeight="1">
      <c r="A7" s="502" t="s">
        <v>361</v>
      </c>
      <c r="B7" s="447">
        <v>1887358</v>
      </c>
      <c r="C7" s="447">
        <v>217990</v>
      </c>
      <c r="D7" s="447">
        <v>1149829</v>
      </c>
      <c r="E7" s="447">
        <v>512128</v>
      </c>
      <c r="F7" s="447">
        <v>7411</v>
      </c>
      <c r="G7" s="1129">
        <v>1882239</v>
      </c>
      <c r="H7" s="513">
        <v>220503</v>
      </c>
      <c r="I7" s="513">
        <v>1147746</v>
      </c>
      <c r="J7" s="513">
        <v>506579</v>
      </c>
      <c r="K7" s="1154">
        <v>7411</v>
      </c>
      <c r="L7" s="1158">
        <v>5119</v>
      </c>
      <c r="M7" s="514">
        <v>-2513</v>
      </c>
      <c r="N7" s="514">
        <v>2083</v>
      </c>
      <c r="O7" s="514">
        <v>5549</v>
      </c>
      <c r="P7" s="447" t="s">
        <v>451</v>
      </c>
      <c r="Q7" s="515">
        <v>0.3</v>
      </c>
      <c r="R7" s="516">
        <v>-1.1000000000000001</v>
      </c>
      <c r="S7" s="516">
        <v>0.2</v>
      </c>
      <c r="T7" s="517">
        <v>1.1000000000000001</v>
      </c>
      <c r="U7" s="452" t="s">
        <v>452</v>
      </c>
      <c r="V7" s="450">
        <v>11.6</v>
      </c>
      <c r="W7" s="450">
        <v>61.2</v>
      </c>
      <c r="X7" s="450">
        <v>27.2</v>
      </c>
      <c r="Y7" s="518">
        <v>47.27</v>
      </c>
      <c r="Z7" s="517">
        <v>234.9</v>
      </c>
      <c r="AA7" s="454"/>
    </row>
    <row r="8" spans="1:27" ht="12.6" customHeight="1">
      <c r="A8" s="468" t="s">
        <v>363</v>
      </c>
      <c r="B8" s="456">
        <v>141671</v>
      </c>
      <c r="C8" s="456">
        <v>18016</v>
      </c>
      <c r="D8" s="456">
        <v>89387</v>
      </c>
      <c r="E8" s="456">
        <v>33586</v>
      </c>
      <c r="F8" s="456">
        <v>682</v>
      </c>
      <c r="G8" s="1131">
        <v>140898</v>
      </c>
      <c r="H8" s="525">
        <v>18170</v>
      </c>
      <c r="I8" s="525">
        <v>88787</v>
      </c>
      <c r="J8" s="525">
        <v>33259</v>
      </c>
      <c r="K8" s="1156">
        <v>682</v>
      </c>
      <c r="L8" s="1159">
        <v>773</v>
      </c>
      <c r="M8" s="520">
        <v>-154</v>
      </c>
      <c r="N8" s="520">
        <v>600</v>
      </c>
      <c r="O8" s="520">
        <v>327</v>
      </c>
      <c r="P8" s="447" t="s">
        <v>451</v>
      </c>
      <c r="Q8" s="521">
        <v>0.5</v>
      </c>
      <c r="R8" s="522">
        <v>-0.8</v>
      </c>
      <c r="S8" s="522">
        <v>0.7</v>
      </c>
      <c r="T8" s="523">
        <v>1</v>
      </c>
      <c r="U8" s="461" t="s">
        <v>452</v>
      </c>
      <c r="V8" s="459">
        <v>12.8</v>
      </c>
      <c r="W8" s="459">
        <v>63.4</v>
      </c>
      <c r="X8" s="459">
        <v>23.8</v>
      </c>
      <c r="Y8" s="526">
        <v>45.08</v>
      </c>
      <c r="Z8" s="523">
        <v>186.4</v>
      </c>
      <c r="AA8" s="462"/>
    </row>
    <row r="9" spans="1:27" ht="12.6" customHeight="1">
      <c r="A9" s="468" t="s">
        <v>365</v>
      </c>
      <c r="B9" s="456">
        <v>120778</v>
      </c>
      <c r="C9" s="456">
        <v>13453</v>
      </c>
      <c r="D9" s="456">
        <v>76995</v>
      </c>
      <c r="E9" s="456">
        <v>29498</v>
      </c>
      <c r="F9" s="456">
        <v>832</v>
      </c>
      <c r="G9" s="1131">
        <v>119941</v>
      </c>
      <c r="H9" s="525">
        <v>13491</v>
      </c>
      <c r="I9" s="525">
        <v>76258</v>
      </c>
      <c r="J9" s="525">
        <v>29360</v>
      </c>
      <c r="K9" s="1156">
        <v>832</v>
      </c>
      <c r="L9" s="1159">
        <v>837</v>
      </c>
      <c r="M9" s="520">
        <v>-38</v>
      </c>
      <c r="N9" s="520">
        <v>737</v>
      </c>
      <c r="O9" s="520">
        <v>138</v>
      </c>
      <c r="P9" s="447" t="s">
        <v>451</v>
      </c>
      <c r="Q9" s="521">
        <v>0.7</v>
      </c>
      <c r="R9" s="522">
        <v>-0.3</v>
      </c>
      <c r="S9" s="522">
        <v>1</v>
      </c>
      <c r="T9" s="523">
        <v>0.5</v>
      </c>
      <c r="U9" s="461" t="s">
        <v>452</v>
      </c>
      <c r="V9" s="459">
        <v>11.2</v>
      </c>
      <c r="W9" s="459">
        <v>64.2</v>
      </c>
      <c r="X9" s="459">
        <v>24.6</v>
      </c>
      <c r="Y9" s="526">
        <v>45.93</v>
      </c>
      <c r="Z9" s="523">
        <v>219.3</v>
      </c>
      <c r="AA9" s="462"/>
    </row>
    <row r="10" spans="1:27" ht="12.6" customHeight="1">
      <c r="A10" s="468" t="s">
        <v>367</v>
      </c>
      <c r="B10" s="456">
        <v>51397</v>
      </c>
      <c r="C10" s="456">
        <v>5607</v>
      </c>
      <c r="D10" s="456">
        <v>34309</v>
      </c>
      <c r="E10" s="456">
        <v>11193</v>
      </c>
      <c r="F10" s="456">
        <v>288</v>
      </c>
      <c r="G10" s="1131">
        <v>50569</v>
      </c>
      <c r="H10" s="525">
        <v>5496</v>
      </c>
      <c r="I10" s="525">
        <v>33647</v>
      </c>
      <c r="J10" s="525">
        <v>11138</v>
      </c>
      <c r="K10" s="1156">
        <v>288</v>
      </c>
      <c r="L10" s="1159">
        <v>828</v>
      </c>
      <c r="M10" s="520">
        <v>111</v>
      </c>
      <c r="N10" s="520">
        <v>662</v>
      </c>
      <c r="O10" s="520">
        <v>55</v>
      </c>
      <c r="P10" s="447" t="s">
        <v>451</v>
      </c>
      <c r="Q10" s="521">
        <v>1.6</v>
      </c>
      <c r="R10" s="522">
        <v>2</v>
      </c>
      <c r="S10" s="522">
        <v>2</v>
      </c>
      <c r="T10" s="523">
        <v>0.5</v>
      </c>
      <c r="U10" s="461" t="s">
        <v>452</v>
      </c>
      <c r="V10" s="459">
        <v>11</v>
      </c>
      <c r="W10" s="459">
        <v>67.099999999999994</v>
      </c>
      <c r="X10" s="459">
        <v>21.9</v>
      </c>
      <c r="Y10" s="526">
        <v>45.26</v>
      </c>
      <c r="Z10" s="523">
        <v>199.6</v>
      </c>
      <c r="AA10" s="462"/>
    </row>
    <row r="11" spans="1:27" ht="12.6" customHeight="1">
      <c r="A11" s="468" t="s">
        <v>368</v>
      </c>
      <c r="B11" s="456">
        <v>71192</v>
      </c>
      <c r="C11" s="456">
        <v>7336</v>
      </c>
      <c r="D11" s="456">
        <v>45539</v>
      </c>
      <c r="E11" s="456">
        <v>17495</v>
      </c>
      <c r="F11" s="456">
        <v>822</v>
      </c>
      <c r="G11" s="1131">
        <v>70849</v>
      </c>
      <c r="H11" s="525">
        <v>7384</v>
      </c>
      <c r="I11" s="525">
        <v>45327</v>
      </c>
      <c r="J11" s="525">
        <v>17316</v>
      </c>
      <c r="K11" s="1156">
        <v>822</v>
      </c>
      <c r="L11" s="1159">
        <v>343</v>
      </c>
      <c r="M11" s="520">
        <v>-48</v>
      </c>
      <c r="N11" s="520">
        <v>212</v>
      </c>
      <c r="O11" s="520">
        <v>179</v>
      </c>
      <c r="P11" s="447" t="s">
        <v>451</v>
      </c>
      <c r="Q11" s="521">
        <v>0.5</v>
      </c>
      <c r="R11" s="522">
        <v>-0.7</v>
      </c>
      <c r="S11" s="522">
        <v>0.5</v>
      </c>
      <c r="T11" s="523">
        <v>1</v>
      </c>
      <c r="U11" s="461" t="s">
        <v>452</v>
      </c>
      <c r="V11" s="459">
        <v>10.4</v>
      </c>
      <c r="W11" s="459">
        <v>64.7</v>
      </c>
      <c r="X11" s="459">
        <v>24.9</v>
      </c>
      <c r="Y11" s="526">
        <v>47.36</v>
      </c>
      <c r="Z11" s="523">
        <v>238.5</v>
      </c>
      <c r="AA11" s="462"/>
    </row>
    <row r="12" spans="1:27" ht="12.6" customHeight="1">
      <c r="A12" s="468" t="s">
        <v>369</v>
      </c>
      <c r="B12" s="456">
        <v>98023</v>
      </c>
      <c r="C12" s="456">
        <v>9493</v>
      </c>
      <c r="D12" s="456">
        <v>59597</v>
      </c>
      <c r="E12" s="456">
        <v>28373</v>
      </c>
      <c r="F12" s="456">
        <v>560</v>
      </c>
      <c r="G12" s="1131">
        <v>98102</v>
      </c>
      <c r="H12" s="525">
        <v>9613</v>
      </c>
      <c r="I12" s="525">
        <v>59533</v>
      </c>
      <c r="J12" s="525">
        <v>28396</v>
      </c>
      <c r="K12" s="1156">
        <v>560</v>
      </c>
      <c r="L12" s="1159">
        <v>-79</v>
      </c>
      <c r="M12" s="520">
        <v>-120</v>
      </c>
      <c r="N12" s="520">
        <v>64</v>
      </c>
      <c r="O12" s="520">
        <v>-23</v>
      </c>
      <c r="P12" s="447" t="s">
        <v>451</v>
      </c>
      <c r="Q12" s="521">
        <v>-0.1</v>
      </c>
      <c r="R12" s="522">
        <v>-1.2</v>
      </c>
      <c r="S12" s="522">
        <v>0.1</v>
      </c>
      <c r="T12" s="523">
        <v>-0.1</v>
      </c>
      <c r="U12" s="461" t="s">
        <v>452</v>
      </c>
      <c r="V12" s="459">
        <v>9.6999999999999993</v>
      </c>
      <c r="W12" s="459">
        <v>61.1</v>
      </c>
      <c r="X12" s="459">
        <v>29.1</v>
      </c>
      <c r="Y12" s="526">
        <v>48.59</v>
      </c>
      <c r="Z12" s="523">
        <v>298.89999999999998</v>
      </c>
      <c r="AA12" s="462"/>
    </row>
    <row r="13" spans="1:27" ht="12.6" customHeight="1">
      <c r="A13" s="468" t="s">
        <v>453</v>
      </c>
      <c r="B13" s="456">
        <v>103602</v>
      </c>
      <c r="C13" s="456">
        <v>10803</v>
      </c>
      <c r="D13" s="456">
        <v>61539</v>
      </c>
      <c r="E13" s="456">
        <v>30836</v>
      </c>
      <c r="F13" s="456">
        <v>424</v>
      </c>
      <c r="G13" s="1131">
        <v>103340</v>
      </c>
      <c r="H13" s="525">
        <v>10961</v>
      </c>
      <c r="I13" s="525">
        <v>61399</v>
      </c>
      <c r="J13" s="525">
        <v>30556</v>
      </c>
      <c r="K13" s="1156">
        <v>424</v>
      </c>
      <c r="L13" s="1159">
        <v>262</v>
      </c>
      <c r="M13" s="520">
        <v>-158</v>
      </c>
      <c r="N13" s="520">
        <v>140</v>
      </c>
      <c r="O13" s="520">
        <v>280</v>
      </c>
      <c r="P13" s="447" t="s">
        <v>451</v>
      </c>
      <c r="Q13" s="521">
        <v>0.3</v>
      </c>
      <c r="R13" s="522">
        <v>-1.4</v>
      </c>
      <c r="S13" s="522">
        <v>0.2</v>
      </c>
      <c r="T13" s="523">
        <v>0.9</v>
      </c>
      <c r="U13" s="461" t="s">
        <v>452</v>
      </c>
      <c r="V13" s="459">
        <v>10.5</v>
      </c>
      <c r="W13" s="459">
        <v>59.6</v>
      </c>
      <c r="X13" s="459">
        <v>29.9</v>
      </c>
      <c r="Y13" s="526">
        <v>48.72</v>
      </c>
      <c r="Z13" s="523">
        <v>285.39999999999998</v>
      </c>
      <c r="AA13" s="462"/>
    </row>
    <row r="14" spans="1:27" ht="12.6" customHeight="1">
      <c r="A14" s="468" t="s">
        <v>371</v>
      </c>
      <c r="B14" s="456">
        <v>84572</v>
      </c>
      <c r="C14" s="456">
        <v>9507</v>
      </c>
      <c r="D14" s="456">
        <v>48833</v>
      </c>
      <c r="E14" s="456">
        <v>25921</v>
      </c>
      <c r="F14" s="456">
        <v>311</v>
      </c>
      <c r="G14" s="1131">
        <v>84684</v>
      </c>
      <c r="H14" s="525">
        <v>9545</v>
      </c>
      <c r="I14" s="525">
        <v>48992</v>
      </c>
      <c r="J14" s="525">
        <v>25836</v>
      </c>
      <c r="K14" s="1156">
        <v>311</v>
      </c>
      <c r="L14" s="1159">
        <v>-112</v>
      </c>
      <c r="M14" s="520">
        <v>-38</v>
      </c>
      <c r="N14" s="520">
        <v>-159</v>
      </c>
      <c r="O14" s="520">
        <v>85</v>
      </c>
      <c r="P14" s="447" t="s">
        <v>451</v>
      </c>
      <c r="Q14" s="521">
        <v>-0.1</v>
      </c>
      <c r="R14" s="522">
        <v>-0.4</v>
      </c>
      <c r="S14" s="522">
        <v>-0.3</v>
      </c>
      <c r="T14" s="523">
        <v>0.3</v>
      </c>
      <c r="U14" s="461" t="s">
        <v>452</v>
      </c>
      <c r="V14" s="459">
        <v>11.3</v>
      </c>
      <c r="W14" s="459">
        <v>58</v>
      </c>
      <c r="X14" s="459">
        <v>30.8</v>
      </c>
      <c r="Y14" s="526">
        <v>49</v>
      </c>
      <c r="Z14" s="523">
        <v>272.7</v>
      </c>
      <c r="AA14" s="462"/>
    </row>
    <row r="15" spans="1:27" ht="12.6" customHeight="1">
      <c r="A15" s="468" t="s">
        <v>372</v>
      </c>
      <c r="B15" s="456">
        <v>101063</v>
      </c>
      <c r="C15" s="456">
        <v>10783</v>
      </c>
      <c r="D15" s="456">
        <v>57796</v>
      </c>
      <c r="E15" s="456">
        <v>31977</v>
      </c>
      <c r="F15" s="456">
        <v>507</v>
      </c>
      <c r="G15" s="1131">
        <v>101613</v>
      </c>
      <c r="H15" s="525">
        <v>11041</v>
      </c>
      <c r="I15" s="525">
        <v>58503</v>
      </c>
      <c r="J15" s="525">
        <v>31562</v>
      </c>
      <c r="K15" s="1156">
        <v>507</v>
      </c>
      <c r="L15" s="1159">
        <v>-550</v>
      </c>
      <c r="M15" s="520">
        <v>-258</v>
      </c>
      <c r="N15" s="520">
        <v>-707</v>
      </c>
      <c r="O15" s="520">
        <v>415</v>
      </c>
      <c r="P15" s="447" t="s">
        <v>451</v>
      </c>
      <c r="Q15" s="521">
        <v>-0.5</v>
      </c>
      <c r="R15" s="522">
        <v>-2.2999999999999998</v>
      </c>
      <c r="S15" s="522">
        <v>-1.2</v>
      </c>
      <c r="T15" s="523">
        <v>1.3</v>
      </c>
      <c r="U15" s="461" t="s">
        <v>452</v>
      </c>
      <c r="V15" s="459">
        <v>10.7</v>
      </c>
      <c r="W15" s="459">
        <v>57.5</v>
      </c>
      <c r="X15" s="459">
        <v>31.8</v>
      </c>
      <c r="Y15" s="526">
        <v>49.5</v>
      </c>
      <c r="Z15" s="523">
        <v>296.60000000000002</v>
      </c>
      <c r="AA15" s="462"/>
    </row>
    <row r="16" spans="1:27" ht="12.6" customHeight="1">
      <c r="A16" s="468" t="s">
        <v>373</v>
      </c>
      <c r="B16" s="456">
        <v>175107</v>
      </c>
      <c r="C16" s="456">
        <v>20912</v>
      </c>
      <c r="D16" s="456">
        <v>114773</v>
      </c>
      <c r="E16" s="456">
        <v>38801</v>
      </c>
      <c r="F16" s="456">
        <v>621</v>
      </c>
      <c r="G16" s="1131">
        <v>173791</v>
      </c>
      <c r="H16" s="525">
        <v>20995</v>
      </c>
      <c r="I16" s="525">
        <v>113855</v>
      </c>
      <c r="J16" s="525">
        <v>38320</v>
      </c>
      <c r="K16" s="1156">
        <v>621</v>
      </c>
      <c r="L16" s="1159">
        <v>1316</v>
      </c>
      <c r="M16" s="520">
        <v>-83</v>
      </c>
      <c r="N16" s="520">
        <v>918</v>
      </c>
      <c r="O16" s="520">
        <v>481</v>
      </c>
      <c r="P16" s="447" t="s">
        <v>451</v>
      </c>
      <c r="Q16" s="521">
        <v>0.8</v>
      </c>
      <c r="R16" s="522">
        <v>-0.4</v>
      </c>
      <c r="S16" s="522">
        <v>0.8</v>
      </c>
      <c r="T16" s="523">
        <v>1.3</v>
      </c>
      <c r="U16" s="461" t="s">
        <v>452</v>
      </c>
      <c r="V16" s="459">
        <v>12</v>
      </c>
      <c r="W16" s="459">
        <v>65.8</v>
      </c>
      <c r="X16" s="459">
        <v>22.2</v>
      </c>
      <c r="Y16" s="526">
        <v>44.76</v>
      </c>
      <c r="Z16" s="523">
        <v>185.5</v>
      </c>
      <c r="AA16" s="462"/>
    </row>
    <row r="17" spans="1:27" ht="12.6" customHeight="1">
      <c r="A17" s="468" t="s">
        <v>374</v>
      </c>
      <c r="B17" s="456">
        <v>143487</v>
      </c>
      <c r="C17" s="456">
        <v>17985</v>
      </c>
      <c r="D17" s="456">
        <v>84789</v>
      </c>
      <c r="E17" s="456">
        <v>40216</v>
      </c>
      <c r="F17" s="456">
        <v>497</v>
      </c>
      <c r="G17" s="1131">
        <v>142619</v>
      </c>
      <c r="H17" s="525">
        <v>17995</v>
      </c>
      <c r="I17" s="525">
        <v>84562</v>
      </c>
      <c r="J17" s="525">
        <v>39565</v>
      </c>
      <c r="K17" s="1156">
        <v>497</v>
      </c>
      <c r="L17" s="1159">
        <v>868</v>
      </c>
      <c r="M17" s="520">
        <v>-10</v>
      </c>
      <c r="N17" s="520">
        <v>227</v>
      </c>
      <c r="O17" s="520">
        <v>651</v>
      </c>
      <c r="P17" s="447" t="s">
        <v>451</v>
      </c>
      <c r="Q17" s="521">
        <v>0.6</v>
      </c>
      <c r="R17" s="522">
        <v>-0.1</v>
      </c>
      <c r="S17" s="522">
        <v>0.3</v>
      </c>
      <c r="T17" s="523">
        <v>1.6</v>
      </c>
      <c r="U17" s="461" t="s">
        <v>452</v>
      </c>
      <c r="V17" s="459">
        <v>12.6</v>
      </c>
      <c r="W17" s="459">
        <v>59.3</v>
      </c>
      <c r="X17" s="459">
        <v>28.1</v>
      </c>
      <c r="Y17" s="526">
        <v>47.19</v>
      </c>
      <c r="Z17" s="523">
        <v>223.6</v>
      </c>
      <c r="AA17" s="462"/>
    </row>
    <row r="18" spans="1:27" ht="12.6" customHeight="1">
      <c r="A18" s="468" t="s">
        <v>375</v>
      </c>
      <c r="B18" s="456">
        <v>109030</v>
      </c>
      <c r="C18" s="456">
        <v>11613</v>
      </c>
      <c r="D18" s="456">
        <v>63291</v>
      </c>
      <c r="E18" s="456">
        <v>33984</v>
      </c>
      <c r="F18" s="456">
        <v>142</v>
      </c>
      <c r="G18" s="1131">
        <v>108997</v>
      </c>
      <c r="H18" s="525">
        <v>11795</v>
      </c>
      <c r="I18" s="525">
        <v>63368</v>
      </c>
      <c r="J18" s="525">
        <v>33692</v>
      </c>
      <c r="K18" s="1156">
        <v>142</v>
      </c>
      <c r="L18" s="1159">
        <v>33</v>
      </c>
      <c r="M18" s="520">
        <v>-182</v>
      </c>
      <c r="N18" s="520">
        <v>-77</v>
      </c>
      <c r="O18" s="520">
        <v>292</v>
      </c>
      <c r="P18" s="447" t="s">
        <v>451</v>
      </c>
      <c r="Q18" s="521">
        <v>0</v>
      </c>
      <c r="R18" s="522">
        <v>-1.5</v>
      </c>
      <c r="S18" s="522">
        <v>-0.1</v>
      </c>
      <c r="T18" s="523">
        <v>0.9</v>
      </c>
      <c r="U18" s="461" t="s">
        <v>452</v>
      </c>
      <c r="V18" s="459">
        <v>10.7</v>
      </c>
      <c r="W18" s="459">
        <v>58.1</v>
      </c>
      <c r="X18" s="459">
        <v>31.2</v>
      </c>
      <c r="Y18" s="526">
        <v>49.38</v>
      </c>
      <c r="Z18" s="523">
        <v>292.60000000000002</v>
      </c>
      <c r="AA18" s="462"/>
    </row>
    <row r="19" spans="1:27" ht="12.6" customHeight="1">
      <c r="A19" s="468" t="s">
        <v>377</v>
      </c>
      <c r="B19" s="456">
        <v>126454</v>
      </c>
      <c r="C19" s="456">
        <v>13860</v>
      </c>
      <c r="D19" s="456">
        <v>70838</v>
      </c>
      <c r="E19" s="456">
        <v>41458</v>
      </c>
      <c r="F19" s="456">
        <v>298</v>
      </c>
      <c r="G19" s="1131">
        <v>126714</v>
      </c>
      <c r="H19" s="525">
        <v>13901</v>
      </c>
      <c r="I19" s="525">
        <v>71443</v>
      </c>
      <c r="J19" s="525">
        <v>41072</v>
      </c>
      <c r="K19" s="1156">
        <v>298</v>
      </c>
      <c r="L19" s="1159">
        <v>-260</v>
      </c>
      <c r="M19" s="520">
        <v>-41</v>
      </c>
      <c r="N19" s="520">
        <v>-605</v>
      </c>
      <c r="O19" s="520">
        <v>386</v>
      </c>
      <c r="P19" s="447" t="s">
        <v>451</v>
      </c>
      <c r="Q19" s="521">
        <v>-0.2</v>
      </c>
      <c r="R19" s="522">
        <v>-0.3</v>
      </c>
      <c r="S19" s="522">
        <v>-0.8</v>
      </c>
      <c r="T19" s="523">
        <v>0.9</v>
      </c>
      <c r="U19" s="461" t="s">
        <v>452</v>
      </c>
      <c r="V19" s="459">
        <v>11</v>
      </c>
      <c r="W19" s="459">
        <v>56.2</v>
      </c>
      <c r="X19" s="459">
        <v>32.9</v>
      </c>
      <c r="Y19" s="526">
        <v>49.97</v>
      </c>
      <c r="Z19" s="523">
        <v>299.10000000000002</v>
      </c>
      <c r="AA19" s="462"/>
    </row>
    <row r="20" spans="1:27" ht="12.6" customHeight="1">
      <c r="A20" s="468" t="s">
        <v>378</v>
      </c>
      <c r="B20" s="456">
        <v>92702</v>
      </c>
      <c r="C20" s="456">
        <v>11304</v>
      </c>
      <c r="D20" s="456">
        <v>55980</v>
      </c>
      <c r="E20" s="456">
        <v>25073</v>
      </c>
      <c r="F20" s="456">
        <v>345</v>
      </c>
      <c r="G20" s="1131">
        <v>92237</v>
      </c>
      <c r="H20" s="525">
        <v>11511</v>
      </c>
      <c r="I20" s="525">
        <v>55796</v>
      </c>
      <c r="J20" s="525">
        <v>24585</v>
      </c>
      <c r="K20" s="1156">
        <v>345</v>
      </c>
      <c r="L20" s="1159">
        <v>465</v>
      </c>
      <c r="M20" s="520">
        <v>-207</v>
      </c>
      <c r="N20" s="520">
        <v>184</v>
      </c>
      <c r="O20" s="520">
        <v>488</v>
      </c>
      <c r="P20" s="447" t="s">
        <v>451</v>
      </c>
      <c r="Q20" s="521">
        <v>0.5</v>
      </c>
      <c r="R20" s="522">
        <v>-1.8</v>
      </c>
      <c r="S20" s="522">
        <v>0.3</v>
      </c>
      <c r="T20" s="523">
        <v>2</v>
      </c>
      <c r="U20" s="461" t="s">
        <v>452</v>
      </c>
      <c r="V20" s="459">
        <v>12.2</v>
      </c>
      <c r="W20" s="459">
        <v>60.6</v>
      </c>
      <c r="X20" s="459">
        <v>27.1</v>
      </c>
      <c r="Y20" s="526">
        <v>46.9</v>
      </c>
      <c r="Z20" s="523">
        <v>221.8</v>
      </c>
      <c r="AA20" s="462"/>
    </row>
    <row r="21" spans="1:27" ht="12.6" customHeight="1">
      <c r="A21" s="468" t="s">
        <v>379</v>
      </c>
      <c r="B21" s="456">
        <v>62548</v>
      </c>
      <c r="C21" s="456">
        <v>7125</v>
      </c>
      <c r="D21" s="456">
        <v>35787</v>
      </c>
      <c r="E21" s="456">
        <v>19458</v>
      </c>
      <c r="F21" s="456">
        <v>178</v>
      </c>
      <c r="G21" s="1131">
        <v>62868</v>
      </c>
      <c r="H21" s="525">
        <v>7321</v>
      </c>
      <c r="I21" s="525">
        <v>36053</v>
      </c>
      <c r="J21" s="525">
        <v>19316</v>
      </c>
      <c r="K21" s="1156">
        <v>178</v>
      </c>
      <c r="L21" s="1159">
        <v>-320</v>
      </c>
      <c r="M21" s="520">
        <v>-196</v>
      </c>
      <c r="N21" s="520">
        <v>-266</v>
      </c>
      <c r="O21" s="520">
        <v>142</v>
      </c>
      <c r="P21" s="447" t="s">
        <v>451</v>
      </c>
      <c r="Q21" s="521">
        <v>-0.5</v>
      </c>
      <c r="R21" s="522">
        <v>-2.7</v>
      </c>
      <c r="S21" s="522">
        <v>-0.7</v>
      </c>
      <c r="T21" s="523">
        <v>0.7</v>
      </c>
      <c r="U21" s="461" t="s">
        <v>452</v>
      </c>
      <c r="V21" s="459">
        <v>11.4</v>
      </c>
      <c r="W21" s="459">
        <v>57.4</v>
      </c>
      <c r="X21" s="459">
        <v>31.2</v>
      </c>
      <c r="Y21" s="526">
        <v>48.95</v>
      </c>
      <c r="Z21" s="523">
        <v>273.10000000000002</v>
      </c>
      <c r="AA21" s="462"/>
    </row>
    <row r="22" spans="1:27" ht="12.6" customHeight="1">
      <c r="A22" s="468" t="s">
        <v>380</v>
      </c>
      <c r="B22" s="456">
        <v>61404</v>
      </c>
      <c r="C22" s="456">
        <v>6583</v>
      </c>
      <c r="D22" s="456">
        <v>33877</v>
      </c>
      <c r="E22" s="456">
        <v>20745</v>
      </c>
      <c r="F22" s="456">
        <v>199</v>
      </c>
      <c r="G22" s="1131">
        <v>61610</v>
      </c>
      <c r="H22" s="525">
        <v>6758</v>
      </c>
      <c r="I22" s="525">
        <v>34015</v>
      </c>
      <c r="J22" s="525">
        <v>20638</v>
      </c>
      <c r="K22" s="1156">
        <v>199</v>
      </c>
      <c r="L22" s="1159">
        <v>-206</v>
      </c>
      <c r="M22" s="520">
        <v>-175</v>
      </c>
      <c r="N22" s="520">
        <v>-138</v>
      </c>
      <c r="O22" s="520">
        <v>107</v>
      </c>
      <c r="P22" s="447" t="s">
        <v>451</v>
      </c>
      <c r="Q22" s="521">
        <v>-0.3</v>
      </c>
      <c r="R22" s="522">
        <v>-2.6</v>
      </c>
      <c r="S22" s="522">
        <v>-0.4</v>
      </c>
      <c r="T22" s="523">
        <v>0.5</v>
      </c>
      <c r="U22" s="461" t="s">
        <v>452</v>
      </c>
      <c r="V22" s="459">
        <v>10.8</v>
      </c>
      <c r="W22" s="459">
        <v>55.4</v>
      </c>
      <c r="X22" s="459">
        <v>33.9</v>
      </c>
      <c r="Y22" s="526">
        <v>50.12</v>
      </c>
      <c r="Z22" s="523">
        <v>315.10000000000002</v>
      </c>
      <c r="AA22" s="462"/>
    </row>
    <row r="23" spans="1:27" ht="12.6" customHeight="1">
      <c r="A23" s="468" t="s">
        <v>381</v>
      </c>
      <c r="B23" s="456">
        <v>77673</v>
      </c>
      <c r="C23" s="456">
        <v>8677</v>
      </c>
      <c r="D23" s="456">
        <v>44354</v>
      </c>
      <c r="E23" s="456">
        <v>24533</v>
      </c>
      <c r="F23" s="456">
        <v>109</v>
      </c>
      <c r="G23" s="1131">
        <v>77913</v>
      </c>
      <c r="H23" s="525">
        <v>8908</v>
      </c>
      <c r="I23" s="525">
        <v>44677</v>
      </c>
      <c r="J23" s="525">
        <v>24219</v>
      </c>
      <c r="K23" s="1156">
        <v>109</v>
      </c>
      <c r="L23" s="1159">
        <v>-240</v>
      </c>
      <c r="M23" s="520">
        <v>-231</v>
      </c>
      <c r="N23" s="520">
        <v>-323</v>
      </c>
      <c r="O23" s="520">
        <v>314</v>
      </c>
      <c r="P23" s="447" t="s">
        <v>451</v>
      </c>
      <c r="Q23" s="521">
        <v>-0.3</v>
      </c>
      <c r="R23" s="522">
        <v>-2.6</v>
      </c>
      <c r="S23" s="522">
        <v>-0.7</v>
      </c>
      <c r="T23" s="523">
        <v>1.3</v>
      </c>
      <c r="U23" s="461" t="s">
        <v>452</v>
      </c>
      <c r="V23" s="459">
        <v>11.2</v>
      </c>
      <c r="W23" s="459">
        <v>57.2</v>
      </c>
      <c r="X23" s="459">
        <v>31.6</v>
      </c>
      <c r="Y23" s="526">
        <v>49.36</v>
      </c>
      <c r="Z23" s="523">
        <v>282.7</v>
      </c>
      <c r="AA23" s="462"/>
    </row>
    <row r="24" spans="1:27" ht="12.6" customHeight="1">
      <c r="A24" s="468" t="s">
        <v>383</v>
      </c>
      <c r="B24" s="456">
        <v>159853</v>
      </c>
      <c r="C24" s="456">
        <v>19230</v>
      </c>
      <c r="D24" s="456">
        <v>102504</v>
      </c>
      <c r="E24" s="456">
        <v>37625</v>
      </c>
      <c r="F24" s="456">
        <v>494</v>
      </c>
      <c r="G24" s="1131">
        <v>159301</v>
      </c>
      <c r="H24" s="525">
        <v>19582</v>
      </c>
      <c r="I24" s="525">
        <v>102315</v>
      </c>
      <c r="J24" s="525">
        <v>36910</v>
      </c>
      <c r="K24" s="1156">
        <v>494</v>
      </c>
      <c r="L24" s="1159">
        <v>552</v>
      </c>
      <c r="M24" s="520">
        <v>-352</v>
      </c>
      <c r="N24" s="520">
        <v>189</v>
      </c>
      <c r="O24" s="520">
        <v>715</v>
      </c>
      <c r="P24" s="447" t="s">
        <v>451</v>
      </c>
      <c r="Q24" s="521">
        <v>0.3</v>
      </c>
      <c r="R24" s="522">
        <v>-1.8</v>
      </c>
      <c r="S24" s="522">
        <v>0.2</v>
      </c>
      <c r="T24" s="523">
        <v>1.9</v>
      </c>
      <c r="U24" s="461" t="s">
        <v>452</v>
      </c>
      <c r="V24" s="459">
        <v>12.1</v>
      </c>
      <c r="W24" s="459">
        <v>64.3</v>
      </c>
      <c r="X24" s="459">
        <v>23.6</v>
      </c>
      <c r="Y24" s="526">
        <v>45.93</v>
      </c>
      <c r="Z24" s="523">
        <v>195.7</v>
      </c>
      <c r="AA24" s="462"/>
    </row>
    <row r="25" spans="1:27" ht="12.6" customHeight="1">
      <c r="A25" s="468" t="s">
        <v>384</v>
      </c>
      <c r="B25" s="456">
        <v>106802</v>
      </c>
      <c r="C25" s="456">
        <v>15703</v>
      </c>
      <c r="D25" s="456">
        <v>69641</v>
      </c>
      <c r="E25" s="456">
        <v>21356</v>
      </c>
      <c r="F25" s="456">
        <v>102</v>
      </c>
      <c r="G25" s="1131">
        <v>106193</v>
      </c>
      <c r="H25" s="525">
        <v>16036</v>
      </c>
      <c r="I25" s="525">
        <v>69216</v>
      </c>
      <c r="J25" s="525">
        <v>20839</v>
      </c>
      <c r="K25" s="1156">
        <v>102</v>
      </c>
      <c r="L25" s="1159">
        <v>609</v>
      </c>
      <c r="M25" s="520">
        <v>-333</v>
      </c>
      <c r="N25" s="520">
        <v>425</v>
      </c>
      <c r="O25" s="520">
        <v>517</v>
      </c>
      <c r="P25" s="447" t="s">
        <v>451</v>
      </c>
      <c r="Q25" s="521">
        <v>0.6</v>
      </c>
      <c r="R25" s="522">
        <v>-2.1</v>
      </c>
      <c r="S25" s="522">
        <v>0.6</v>
      </c>
      <c r="T25" s="523">
        <v>2.5</v>
      </c>
      <c r="U25" s="461" t="s">
        <v>452</v>
      </c>
      <c r="V25" s="459">
        <v>14.7</v>
      </c>
      <c r="W25" s="459">
        <v>65.3</v>
      </c>
      <c r="X25" s="459">
        <v>20</v>
      </c>
      <c r="Y25" s="526">
        <v>43.61</v>
      </c>
      <c r="Z25" s="523">
        <v>136</v>
      </c>
      <c r="AA25" s="462"/>
    </row>
    <row r="26" spans="1:27" ht="9" customHeight="1">
      <c r="A26" s="468"/>
      <c r="B26" s="456"/>
      <c r="C26" s="456"/>
      <c r="D26" s="456"/>
      <c r="E26" s="456"/>
      <c r="F26" s="456"/>
      <c r="G26" s="1131"/>
      <c r="H26" s="525"/>
      <c r="I26" s="525"/>
      <c r="J26" s="525"/>
      <c r="K26" s="1156"/>
      <c r="L26" s="1159"/>
      <c r="M26" s="520"/>
      <c r="N26" s="520"/>
      <c r="O26" s="520"/>
      <c r="P26" s="447"/>
      <c r="Q26" s="521"/>
      <c r="R26" s="522"/>
      <c r="S26" s="522"/>
      <c r="T26" s="523"/>
      <c r="U26" s="461"/>
      <c r="V26" s="459"/>
      <c r="W26" s="459"/>
      <c r="X26" s="459"/>
      <c r="Y26" s="526"/>
      <c r="Z26" s="523"/>
      <c r="AA26" s="462"/>
    </row>
    <row r="27" spans="1:27" s="524" customFormat="1" ht="12.6" customHeight="1">
      <c r="A27" s="505" t="s">
        <v>385</v>
      </c>
      <c r="B27" s="470">
        <v>756988</v>
      </c>
      <c r="C27" s="470">
        <v>91065</v>
      </c>
      <c r="D27" s="470">
        <v>481705</v>
      </c>
      <c r="E27" s="470">
        <v>166959</v>
      </c>
      <c r="F27" s="470">
        <v>17259</v>
      </c>
      <c r="G27" s="1129">
        <v>749321</v>
      </c>
      <c r="H27" s="513">
        <v>90899</v>
      </c>
      <c r="I27" s="513">
        <v>476250</v>
      </c>
      <c r="J27" s="513">
        <v>164913</v>
      </c>
      <c r="K27" s="1154">
        <v>17259</v>
      </c>
      <c r="L27" s="1158">
        <v>7667</v>
      </c>
      <c r="M27" s="527">
        <v>166</v>
      </c>
      <c r="N27" s="527">
        <v>5455</v>
      </c>
      <c r="O27" s="527">
        <v>2046</v>
      </c>
      <c r="P27" s="471" t="s">
        <v>451</v>
      </c>
      <c r="Q27" s="528">
        <v>1</v>
      </c>
      <c r="R27" s="529">
        <v>0.2</v>
      </c>
      <c r="S27" s="529">
        <v>1.1000000000000001</v>
      </c>
      <c r="T27" s="530">
        <v>1.2</v>
      </c>
      <c r="U27" s="452" t="s">
        <v>452</v>
      </c>
      <c r="V27" s="473">
        <v>12.3</v>
      </c>
      <c r="W27" s="473">
        <v>65.099999999999994</v>
      </c>
      <c r="X27" s="473">
        <v>22.6</v>
      </c>
      <c r="Y27" s="531">
        <v>44.63</v>
      </c>
      <c r="Z27" s="530">
        <v>183.3</v>
      </c>
      <c r="AA27" s="476"/>
    </row>
    <row r="28" spans="1:27" ht="12.6" customHeight="1">
      <c r="A28" s="468" t="s">
        <v>386</v>
      </c>
      <c r="B28" s="456">
        <v>107724</v>
      </c>
      <c r="C28" s="456">
        <v>12493</v>
      </c>
      <c r="D28" s="456">
        <v>67711</v>
      </c>
      <c r="E28" s="456">
        <v>26711</v>
      </c>
      <c r="F28" s="456">
        <v>809</v>
      </c>
      <c r="G28" s="1131">
        <v>107184</v>
      </c>
      <c r="H28" s="525">
        <v>12654</v>
      </c>
      <c r="I28" s="525">
        <v>67082</v>
      </c>
      <c r="J28" s="525">
        <v>26639</v>
      </c>
      <c r="K28" s="1156">
        <v>809</v>
      </c>
      <c r="L28" s="1159">
        <v>540</v>
      </c>
      <c r="M28" s="520">
        <v>-161</v>
      </c>
      <c r="N28" s="520">
        <v>629</v>
      </c>
      <c r="O28" s="520">
        <v>72</v>
      </c>
      <c r="P28" s="447" t="s">
        <v>451</v>
      </c>
      <c r="Q28" s="521">
        <v>0.5</v>
      </c>
      <c r="R28" s="522">
        <v>-1.3</v>
      </c>
      <c r="S28" s="522">
        <v>0.9</v>
      </c>
      <c r="T28" s="523">
        <v>0.3</v>
      </c>
      <c r="U28" s="461" t="s">
        <v>452</v>
      </c>
      <c r="V28" s="459">
        <v>11.7</v>
      </c>
      <c r="W28" s="459">
        <v>63.3</v>
      </c>
      <c r="X28" s="459">
        <v>25</v>
      </c>
      <c r="Y28" s="526">
        <v>45.73</v>
      </c>
      <c r="Z28" s="523">
        <v>213.8</v>
      </c>
      <c r="AA28" s="462"/>
    </row>
    <row r="29" spans="1:27" ht="12.6" customHeight="1">
      <c r="A29" s="468" t="s">
        <v>387</v>
      </c>
      <c r="B29" s="456">
        <v>84489</v>
      </c>
      <c r="C29" s="456">
        <v>10925</v>
      </c>
      <c r="D29" s="456">
        <v>51039</v>
      </c>
      <c r="E29" s="456">
        <v>20916</v>
      </c>
      <c r="F29" s="456">
        <v>1609</v>
      </c>
      <c r="G29" s="1131">
        <v>82802</v>
      </c>
      <c r="H29" s="525">
        <v>10696</v>
      </c>
      <c r="I29" s="525">
        <v>49793</v>
      </c>
      <c r="J29" s="525">
        <v>20704</v>
      </c>
      <c r="K29" s="1156">
        <v>1609</v>
      </c>
      <c r="L29" s="1159">
        <v>1687</v>
      </c>
      <c r="M29" s="520">
        <v>229</v>
      </c>
      <c r="N29" s="520">
        <v>1246</v>
      </c>
      <c r="O29" s="520">
        <v>212</v>
      </c>
      <c r="P29" s="447" t="s">
        <v>451</v>
      </c>
      <c r="Q29" s="521">
        <v>2</v>
      </c>
      <c r="R29" s="522">
        <v>2.1</v>
      </c>
      <c r="S29" s="522">
        <v>2.5</v>
      </c>
      <c r="T29" s="523">
        <v>1</v>
      </c>
      <c r="U29" s="461" t="s">
        <v>452</v>
      </c>
      <c r="V29" s="459">
        <v>13.2</v>
      </c>
      <c r="W29" s="459">
        <v>61.6</v>
      </c>
      <c r="X29" s="459">
        <v>25.2</v>
      </c>
      <c r="Y29" s="526">
        <v>45.61</v>
      </c>
      <c r="Z29" s="523">
        <v>191.5</v>
      </c>
      <c r="AA29" s="462"/>
    </row>
    <row r="30" spans="1:27" ht="12.6" customHeight="1">
      <c r="A30" s="468" t="s">
        <v>388</v>
      </c>
      <c r="B30" s="456">
        <v>128646</v>
      </c>
      <c r="C30" s="456">
        <v>16427</v>
      </c>
      <c r="D30" s="456">
        <v>88984</v>
      </c>
      <c r="E30" s="456">
        <v>21975</v>
      </c>
      <c r="F30" s="456">
        <v>1260</v>
      </c>
      <c r="G30" s="1131">
        <v>126743</v>
      </c>
      <c r="H30" s="525">
        <v>16247</v>
      </c>
      <c r="I30" s="525">
        <v>87483</v>
      </c>
      <c r="J30" s="525">
        <v>21753</v>
      </c>
      <c r="K30" s="1156">
        <v>1260</v>
      </c>
      <c r="L30" s="1159">
        <v>1903</v>
      </c>
      <c r="M30" s="520">
        <v>180</v>
      </c>
      <c r="N30" s="520">
        <v>1501</v>
      </c>
      <c r="O30" s="520">
        <v>222</v>
      </c>
      <c r="P30" s="447" t="s">
        <v>451</v>
      </c>
      <c r="Q30" s="521">
        <v>1.5</v>
      </c>
      <c r="R30" s="522">
        <v>1.1000000000000001</v>
      </c>
      <c r="S30" s="522">
        <v>1.7</v>
      </c>
      <c r="T30" s="523">
        <v>1</v>
      </c>
      <c r="U30" s="461" t="s">
        <v>452</v>
      </c>
      <c r="V30" s="459">
        <v>12.9</v>
      </c>
      <c r="W30" s="459">
        <v>69.900000000000006</v>
      </c>
      <c r="X30" s="459">
        <v>17.3</v>
      </c>
      <c r="Y30" s="526">
        <v>41.97</v>
      </c>
      <c r="Z30" s="523">
        <v>133.80000000000001</v>
      </c>
      <c r="AA30" s="462"/>
    </row>
    <row r="31" spans="1:27" ht="12.6" customHeight="1">
      <c r="A31" s="468" t="s">
        <v>389</v>
      </c>
      <c r="B31" s="456">
        <v>116306</v>
      </c>
      <c r="C31" s="456">
        <v>14362</v>
      </c>
      <c r="D31" s="456">
        <v>76511</v>
      </c>
      <c r="E31" s="456">
        <v>24099</v>
      </c>
      <c r="F31" s="456">
        <v>1334</v>
      </c>
      <c r="G31" s="1131">
        <v>115489</v>
      </c>
      <c r="H31" s="525">
        <v>14497</v>
      </c>
      <c r="I31" s="525">
        <v>76025</v>
      </c>
      <c r="J31" s="525">
        <v>23633</v>
      </c>
      <c r="K31" s="1156">
        <v>1334</v>
      </c>
      <c r="L31" s="1159">
        <v>817</v>
      </c>
      <c r="M31" s="520">
        <v>-135</v>
      </c>
      <c r="N31" s="520">
        <v>486</v>
      </c>
      <c r="O31" s="520">
        <v>466</v>
      </c>
      <c r="P31" s="447" t="s">
        <v>451</v>
      </c>
      <c r="Q31" s="521">
        <v>0.7</v>
      </c>
      <c r="R31" s="522">
        <v>-0.9</v>
      </c>
      <c r="S31" s="522">
        <v>0.6</v>
      </c>
      <c r="T31" s="523">
        <v>2</v>
      </c>
      <c r="U31" s="461" t="s">
        <v>452</v>
      </c>
      <c r="V31" s="459">
        <v>12.5</v>
      </c>
      <c r="W31" s="459">
        <v>66.5</v>
      </c>
      <c r="X31" s="459">
        <v>21</v>
      </c>
      <c r="Y31" s="526">
        <v>43.88</v>
      </c>
      <c r="Z31" s="523">
        <v>167.8</v>
      </c>
      <c r="AA31" s="462"/>
    </row>
    <row r="32" spans="1:27" ht="12.6" customHeight="1">
      <c r="A32" s="468" t="s">
        <v>390</v>
      </c>
      <c r="B32" s="456">
        <v>107904</v>
      </c>
      <c r="C32" s="456">
        <v>11332</v>
      </c>
      <c r="D32" s="456">
        <v>71459</v>
      </c>
      <c r="E32" s="456">
        <v>23843</v>
      </c>
      <c r="F32" s="456">
        <v>1270</v>
      </c>
      <c r="G32" s="1131">
        <v>106673</v>
      </c>
      <c r="H32" s="525">
        <v>11230</v>
      </c>
      <c r="I32" s="525">
        <v>70617</v>
      </c>
      <c r="J32" s="525">
        <v>23556</v>
      </c>
      <c r="K32" s="1156">
        <v>1270</v>
      </c>
      <c r="L32" s="1159">
        <v>1231</v>
      </c>
      <c r="M32" s="520">
        <v>102</v>
      </c>
      <c r="N32" s="520">
        <v>842</v>
      </c>
      <c r="O32" s="520">
        <v>287</v>
      </c>
      <c r="P32" s="447" t="s">
        <v>451</v>
      </c>
      <c r="Q32" s="521">
        <v>1.2</v>
      </c>
      <c r="R32" s="522">
        <v>0.9</v>
      </c>
      <c r="S32" s="522">
        <v>1.2</v>
      </c>
      <c r="T32" s="523">
        <v>1.2</v>
      </c>
      <c r="U32" s="461" t="s">
        <v>452</v>
      </c>
      <c r="V32" s="459">
        <v>10.6</v>
      </c>
      <c r="W32" s="459">
        <v>67</v>
      </c>
      <c r="X32" s="459">
        <v>22.4</v>
      </c>
      <c r="Y32" s="526">
        <v>44.57</v>
      </c>
      <c r="Z32" s="523">
        <v>210.4</v>
      </c>
      <c r="AA32" s="462"/>
    </row>
    <row r="33" spans="1:27" ht="12.6" customHeight="1">
      <c r="A33" s="468" t="s">
        <v>392</v>
      </c>
      <c r="B33" s="456">
        <v>119025</v>
      </c>
      <c r="C33" s="456">
        <v>14231</v>
      </c>
      <c r="D33" s="456">
        <v>68579</v>
      </c>
      <c r="E33" s="456">
        <v>25788</v>
      </c>
      <c r="F33" s="456">
        <v>10427</v>
      </c>
      <c r="G33" s="1131">
        <v>118254</v>
      </c>
      <c r="H33" s="525">
        <v>14148</v>
      </c>
      <c r="I33" s="525">
        <v>68310</v>
      </c>
      <c r="J33" s="525">
        <v>25369</v>
      </c>
      <c r="K33" s="1156">
        <v>10427</v>
      </c>
      <c r="L33" s="1159">
        <v>771</v>
      </c>
      <c r="M33" s="520">
        <v>83</v>
      </c>
      <c r="N33" s="520">
        <v>269</v>
      </c>
      <c r="O33" s="520">
        <v>419</v>
      </c>
      <c r="P33" s="447" t="s">
        <v>451</v>
      </c>
      <c r="Q33" s="521">
        <v>0.7</v>
      </c>
      <c r="R33" s="522">
        <v>0.6</v>
      </c>
      <c r="S33" s="522">
        <v>0.4</v>
      </c>
      <c r="T33" s="523">
        <v>1.7</v>
      </c>
      <c r="U33" s="461" t="s">
        <v>452</v>
      </c>
      <c r="V33" s="459">
        <v>13.1</v>
      </c>
      <c r="W33" s="459">
        <v>63.1</v>
      </c>
      <c r="X33" s="459">
        <v>23.7</v>
      </c>
      <c r="Y33" s="526">
        <v>45.28</v>
      </c>
      <c r="Z33" s="523">
        <v>181.2</v>
      </c>
      <c r="AA33" s="462"/>
    </row>
    <row r="34" spans="1:27" ht="12.6" customHeight="1">
      <c r="A34" s="468" t="s">
        <v>393</v>
      </c>
      <c r="B34" s="456">
        <v>92894</v>
      </c>
      <c r="C34" s="456">
        <v>11295</v>
      </c>
      <c r="D34" s="456">
        <v>57422</v>
      </c>
      <c r="E34" s="456">
        <v>23627</v>
      </c>
      <c r="F34" s="456">
        <v>550</v>
      </c>
      <c r="G34" s="1131">
        <v>92176</v>
      </c>
      <c r="H34" s="525">
        <v>11427</v>
      </c>
      <c r="I34" s="525">
        <v>56940</v>
      </c>
      <c r="J34" s="525">
        <v>23259</v>
      </c>
      <c r="K34" s="1156">
        <v>550</v>
      </c>
      <c r="L34" s="1159">
        <v>718</v>
      </c>
      <c r="M34" s="520">
        <v>-132</v>
      </c>
      <c r="N34" s="520">
        <v>482</v>
      </c>
      <c r="O34" s="520">
        <v>368</v>
      </c>
      <c r="P34" s="447" t="s">
        <v>451</v>
      </c>
      <c r="Q34" s="521">
        <v>0.8</v>
      </c>
      <c r="R34" s="522">
        <v>-1.2</v>
      </c>
      <c r="S34" s="522">
        <v>0.8</v>
      </c>
      <c r="T34" s="523">
        <v>1.6</v>
      </c>
      <c r="U34" s="461" t="s">
        <v>452</v>
      </c>
      <c r="V34" s="459">
        <v>12.2</v>
      </c>
      <c r="W34" s="459">
        <v>62.2</v>
      </c>
      <c r="X34" s="459">
        <v>25.6</v>
      </c>
      <c r="Y34" s="526">
        <v>46.37</v>
      </c>
      <c r="Z34" s="523">
        <v>209.2</v>
      </c>
      <c r="AA34" s="462"/>
    </row>
    <row r="35" spans="1:27" ht="9" customHeight="1">
      <c r="A35" s="483"/>
      <c r="B35" s="456"/>
      <c r="C35" s="456"/>
      <c r="D35" s="456"/>
      <c r="E35" s="456"/>
      <c r="F35" s="456"/>
      <c r="G35" s="1130"/>
      <c r="H35" s="519"/>
      <c r="I35" s="519"/>
      <c r="J35" s="519"/>
      <c r="K35" s="1155"/>
      <c r="L35" s="1159"/>
      <c r="M35" s="520"/>
      <c r="N35" s="520"/>
      <c r="O35" s="520"/>
      <c r="P35" s="447"/>
      <c r="Q35" s="521"/>
      <c r="R35" s="522"/>
      <c r="S35" s="522"/>
      <c r="T35" s="523"/>
      <c r="U35" s="461"/>
      <c r="V35" s="459"/>
      <c r="W35" s="459"/>
      <c r="X35" s="459"/>
      <c r="Y35" s="526"/>
      <c r="Z35" s="523"/>
      <c r="AA35" s="462"/>
    </row>
    <row r="36" spans="1:27" ht="12.6" customHeight="1">
      <c r="A36" s="506" t="s">
        <v>394</v>
      </c>
      <c r="B36" s="447">
        <v>357215</v>
      </c>
      <c r="C36" s="447">
        <v>37027</v>
      </c>
      <c r="D36" s="447">
        <v>192871</v>
      </c>
      <c r="E36" s="447">
        <v>126262</v>
      </c>
      <c r="F36" s="447">
        <v>1055</v>
      </c>
      <c r="G36" s="1129">
        <v>359595</v>
      </c>
      <c r="H36" s="513">
        <v>37830</v>
      </c>
      <c r="I36" s="513">
        <v>194560</v>
      </c>
      <c r="J36" s="513">
        <v>126150</v>
      </c>
      <c r="K36" s="1154">
        <v>1055</v>
      </c>
      <c r="L36" s="1158">
        <v>-2380</v>
      </c>
      <c r="M36" s="514">
        <v>-803</v>
      </c>
      <c r="N36" s="514">
        <v>-1689</v>
      </c>
      <c r="O36" s="514">
        <v>112</v>
      </c>
      <c r="P36" s="447" t="s">
        <v>451</v>
      </c>
      <c r="Q36" s="515">
        <v>-0.7</v>
      </c>
      <c r="R36" s="516">
        <v>-2.1</v>
      </c>
      <c r="S36" s="516">
        <v>-0.9</v>
      </c>
      <c r="T36" s="517">
        <v>0.1</v>
      </c>
      <c r="U36" s="452" t="s">
        <v>452</v>
      </c>
      <c r="V36" s="450">
        <v>10.4</v>
      </c>
      <c r="W36" s="450">
        <v>54.2</v>
      </c>
      <c r="X36" s="450">
        <v>35.5</v>
      </c>
      <c r="Y36" s="518">
        <v>51.43</v>
      </c>
      <c r="Z36" s="517">
        <v>341</v>
      </c>
      <c r="AA36" s="454"/>
    </row>
    <row r="37" spans="1:27" ht="12.6" customHeight="1">
      <c r="A37" s="483" t="s">
        <v>395</v>
      </c>
      <c r="B37" s="456">
        <v>196882</v>
      </c>
      <c r="C37" s="456">
        <v>20453</v>
      </c>
      <c r="D37" s="456">
        <v>106416</v>
      </c>
      <c r="E37" s="456">
        <v>69521</v>
      </c>
      <c r="F37" s="456">
        <v>492</v>
      </c>
      <c r="G37" s="1131">
        <v>198832</v>
      </c>
      <c r="H37" s="525">
        <v>21005</v>
      </c>
      <c r="I37" s="525">
        <v>107956</v>
      </c>
      <c r="J37" s="525">
        <v>69379</v>
      </c>
      <c r="K37" s="1156">
        <v>492</v>
      </c>
      <c r="L37" s="1159">
        <v>-1950</v>
      </c>
      <c r="M37" s="520">
        <v>-552</v>
      </c>
      <c r="N37" s="520">
        <v>-1540</v>
      </c>
      <c r="O37" s="520">
        <v>142</v>
      </c>
      <c r="P37" s="447" t="s">
        <v>451</v>
      </c>
      <c r="Q37" s="521">
        <v>-1</v>
      </c>
      <c r="R37" s="522">
        <v>-2.6</v>
      </c>
      <c r="S37" s="522">
        <v>-1.4</v>
      </c>
      <c r="T37" s="523">
        <v>0.2</v>
      </c>
      <c r="U37" s="461" t="s">
        <v>452</v>
      </c>
      <c r="V37" s="459">
        <v>10.4</v>
      </c>
      <c r="W37" s="459">
        <v>54.2</v>
      </c>
      <c r="X37" s="459">
        <v>35.4</v>
      </c>
      <c r="Y37" s="526">
        <v>51.08</v>
      </c>
      <c r="Z37" s="523">
        <v>339.9</v>
      </c>
      <c r="AA37" s="462"/>
    </row>
    <row r="38" spans="1:27" ht="12.6" customHeight="1">
      <c r="A38" s="483" t="s">
        <v>396</v>
      </c>
      <c r="B38" s="456">
        <v>91272</v>
      </c>
      <c r="C38" s="456">
        <v>9672</v>
      </c>
      <c r="D38" s="456">
        <v>50410</v>
      </c>
      <c r="E38" s="456">
        <v>31040</v>
      </c>
      <c r="F38" s="456">
        <v>150</v>
      </c>
      <c r="G38" s="1131">
        <v>91245</v>
      </c>
      <c r="H38" s="525">
        <v>9771</v>
      </c>
      <c r="I38" s="525">
        <v>50232</v>
      </c>
      <c r="J38" s="525">
        <v>31092</v>
      </c>
      <c r="K38" s="1156">
        <v>150</v>
      </c>
      <c r="L38" s="1159">
        <v>27</v>
      </c>
      <c r="M38" s="520">
        <v>-99</v>
      </c>
      <c r="N38" s="520">
        <v>178</v>
      </c>
      <c r="O38" s="520">
        <v>-52</v>
      </c>
      <c r="P38" s="447" t="s">
        <v>451</v>
      </c>
      <c r="Q38" s="521">
        <v>0</v>
      </c>
      <c r="R38" s="522">
        <v>-1</v>
      </c>
      <c r="S38" s="522">
        <v>0.4</v>
      </c>
      <c r="T38" s="523">
        <v>-0.2</v>
      </c>
      <c r="U38" s="461" t="s">
        <v>452</v>
      </c>
      <c r="V38" s="459">
        <v>10.6</v>
      </c>
      <c r="W38" s="459">
        <v>55.3</v>
      </c>
      <c r="X38" s="459">
        <v>34.1</v>
      </c>
      <c r="Y38" s="526">
        <v>51.22</v>
      </c>
      <c r="Z38" s="523">
        <v>320.89999999999998</v>
      </c>
      <c r="AA38" s="462"/>
    </row>
    <row r="39" spans="1:27" ht="12.6" customHeight="1">
      <c r="A39" s="483" t="s">
        <v>397</v>
      </c>
      <c r="B39" s="456">
        <v>30365</v>
      </c>
      <c r="C39" s="456">
        <v>3256</v>
      </c>
      <c r="D39" s="456">
        <v>16543</v>
      </c>
      <c r="E39" s="456">
        <v>10466</v>
      </c>
      <c r="F39" s="456">
        <v>100</v>
      </c>
      <c r="G39" s="1131">
        <v>30363</v>
      </c>
      <c r="H39" s="525">
        <v>3285</v>
      </c>
      <c r="I39" s="525">
        <v>16494</v>
      </c>
      <c r="J39" s="525">
        <v>10484</v>
      </c>
      <c r="K39" s="1156">
        <v>100</v>
      </c>
      <c r="L39" s="1159">
        <v>2</v>
      </c>
      <c r="M39" s="520">
        <v>-29</v>
      </c>
      <c r="N39" s="520">
        <v>49</v>
      </c>
      <c r="O39" s="520">
        <v>-18</v>
      </c>
      <c r="P39" s="447" t="s">
        <v>451</v>
      </c>
      <c r="Q39" s="521">
        <v>0</v>
      </c>
      <c r="R39" s="522">
        <v>-0.9</v>
      </c>
      <c r="S39" s="522">
        <v>0.3</v>
      </c>
      <c r="T39" s="523">
        <v>-0.2</v>
      </c>
      <c r="U39" s="461" t="s">
        <v>452</v>
      </c>
      <c r="V39" s="459">
        <v>10.8</v>
      </c>
      <c r="W39" s="459">
        <v>54.7</v>
      </c>
      <c r="X39" s="459">
        <v>34.6</v>
      </c>
      <c r="Y39" s="526">
        <v>51.48</v>
      </c>
      <c r="Z39" s="523">
        <v>321.39999999999998</v>
      </c>
      <c r="AA39" s="462"/>
    </row>
    <row r="40" spans="1:27" ht="12.6" customHeight="1">
      <c r="A40" s="483" t="s">
        <v>398</v>
      </c>
      <c r="B40" s="456">
        <v>21991</v>
      </c>
      <c r="C40" s="456">
        <v>1743</v>
      </c>
      <c r="D40" s="456">
        <v>10719</v>
      </c>
      <c r="E40" s="456">
        <v>9521</v>
      </c>
      <c r="F40" s="456">
        <v>8</v>
      </c>
      <c r="G40" s="1131">
        <v>22380</v>
      </c>
      <c r="H40" s="525">
        <v>1840</v>
      </c>
      <c r="I40" s="525">
        <v>11053</v>
      </c>
      <c r="J40" s="525">
        <v>9479</v>
      </c>
      <c r="K40" s="1156">
        <v>8</v>
      </c>
      <c r="L40" s="1159">
        <v>-389</v>
      </c>
      <c r="M40" s="520">
        <v>-97</v>
      </c>
      <c r="N40" s="520">
        <v>-334</v>
      </c>
      <c r="O40" s="520">
        <v>42</v>
      </c>
      <c r="P40" s="447" t="s">
        <v>451</v>
      </c>
      <c r="Q40" s="521">
        <v>-1.7</v>
      </c>
      <c r="R40" s="522">
        <v>-5.3</v>
      </c>
      <c r="S40" s="522">
        <v>-3</v>
      </c>
      <c r="T40" s="523">
        <v>0.4</v>
      </c>
      <c r="U40" s="461" t="s">
        <v>452</v>
      </c>
      <c r="V40" s="459">
        <v>7.9</v>
      </c>
      <c r="W40" s="459">
        <v>48.8</v>
      </c>
      <c r="X40" s="459">
        <v>43.3</v>
      </c>
      <c r="Y40" s="526">
        <v>55.53</v>
      </c>
      <c r="Z40" s="523">
        <v>546.20000000000005</v>
      </c>
      <c r="AA40" s="462"/>
    </row>
    <row r="41" spans="1:27" ht="12.6" customHeight="1">
      <c r="A41" s="483" t="s">
        <v>399</v>
      </c>
      <c r="B41" s="456">
        <v>16705</v>
      </c>
      <c r="C41" s="456">
        <v>1903</v>
      </c>
      <c r="D41" s="456">
        <v>8783</v>
      </c>
      <c r="E41" s="456">
        <v>5714</v>
      </c>
      <c r="F41" s="456">
        <v>305</v>
      </c>
      <c r="G41" s="1131">
        <v>16775</v>
      </c>
      <c r="H41" s="525">
        <v>1929</v>
      </c>
      <c r="I41" s="525">
        <v>8825</v>
      </c>
      <c r="J41" s="525">
        <v>5716</v>
      </c>
      <c r="K41" s="1156">
        <v>305</v>
      </c>
      <c r="L41" s="1159">
        <v>-70</v>
      </c>
      <c r="M41" s="520">
        <v>-26</v>
      </c>
      <c r="N41" s="520">
        <v>-42</v>
      </c>
      <c r="O41" s="520">
        <v>-2</v>
      </c>
      <c r="P41" s="447" t="s">
        <v>451</v>
      </c>
      <c r="Q41" s="521">
        <v>-0.4</v>
      </c>
      <c r="R41" s="522">
        <v>-1.3</v>
      </c>
      <c r="S41" s="522">
        <v>-0.5</v>
      </c>
      <c r="T41" s="532">
        <v>-0.03</v>
      </c>
      <c r="U41" s="461" t="s">
        <v>452</v>
      </c>
      <c r="V41" s="459">
        <v>11.6</v>
      </c>
      <c r="W41" s="459">
        <v>53.6</v>
      </c>
      <c r="X41" s="459">
        <v>34.799999999999997</v>
      </c>
      <c r="Y41" s="526">
        <v>51.31</v>
      </c>
      <c r="Z41" s="523">
        <v>300.3</v>
      </c>
      <c r="AA41" s="462"/>
    </row>
    <row r="42" spans="1:27" ht="9" customHeight="1">
      <c r="A42" s="483"/>
      <c r="B42" s="456"/>
      <c r="C42" s="456"/>
      <c r="D42" s="456"/>
      <c r="E42" s="456"/>
      <c r="F42" s="456"/>
      <c r="G42" s="1130"/>
      <c r="H42" s="519"/>
      <c r="I42" s="519"/>
      <c r="J42" s="519"/>
      <c r="K42" s="1155"/>
      <c r="L42" s="1159"/>
      <c r="M42" s="520"/>
      <c r="N42" s="520"/>
      <c r="O42" s="520"/>
      <c r="P42" s="447"/>
      <c r="Q42" s="521"/>
      <c r="R42" s="522"/>
      <c r="S42" s="522"/>
      <c r="T42" s="523"/>
      <c r="U42" s="461"/>
      <c r="V42" s="459"/>
      <c r="W42" s="459"/>
      <c r="X42" s="459"/>
      <c r="Y42" s="526"/>
      <c r="Z42" s="523"/>
      <c r="AA42" s="462"/>
    </row>
    <row r="43" spans="1:27" ht="12.6" customHeight="1">
      <c r="A43" s="506" t="s">
        <v>401</v>
      </c>
      <c r="B43" s="447">
        <v>782695</v>
      </c>
      <c r="C43" s="447">
        <v>91817</v>
      </c>
      <c r="D43" s="447">
        <v>464404</v>
      </c>
      <c r="E43" s="447">
        <v>221233</v>
      </c>
      <c r="F43" s="447">
        <v>5241</v>
      </c>
      <c r="G43" s="1129">
        <v>780919</v>
      </c>
      <c r="H43" s="513">
        <v>92799</v>
      </c>
      <c r="I43" s="513">
        <v>465186</v>
      </c>
      <c r="J43" s="513">
        <v>217693</v>
      </c>
      <c r="K43" s="1154">
        <v>5241</v>
      </c>
      <c r="L43" s="1158">
        <v>1776</v>
      </c>
      <c r="M43" s="514">
        <v>-982</v>
      </c>
      <c r="N43" s="514">
        <v>-782</v>
      </c>
      <c r="O43" s="514">
        <v>3540</v>
      </c>
      <c r="P43" s="447" t="s">
        <v>451</v>
      </c>
      <c r="Q43" s="515">
        <v>0.2</v>
      </c>
      <c r="R43" s="516">
        <v>-1.1000000000000001</v>
      </c>
      <c r="S43" s="516">
        <v>-0.2</v>
      </c>
      <c r="T43" s="517">
        <v>1.6</v>
      </c>
      <c r="U43" s="452" t="s">
        <v>452</v>
      </c>
      <c r="V43" s="450">
        <v>11.8</v>
      </c>
      <c r="W43" s="450">
        <v>59.7</v>
      </c>
      <c r="X43" s="450">
        <v>28.5</v>
      </c>
      <c r="Y43" s="518">
        <v>47.32</v>
      </c>
      <c r="Z43" s="517">
        <v>240.9</v>
      </c>
      <c r="AA43" s="454"/>
    </row>
    <row r="44" spans="1:27" ht="12.6" customHeight="1">
      <c r="A44" s="483" t="s">
        <v>402</v>
      </c>
      <c r="B44" s="456">
        <v>361384</v>
      </c>
      <c r="C44" s="456">
        <v>41025</v>
      </c>
      <c r="D44" s="456">
        <v>214690</v>
      </c>
      <c r="E44" s="456">
        <v>102955</v>
      </c>
      <c r="F44" s="456">
        <v>2714</v>
      </c>
      <c r="G44" s="1131">
        <v>361238</v>
      </c>
      <c r="H44" s="525">
        <v>41573</v>
      </c>
      <c r="I44" s="525">
        <v>215735</v>
      </c>
      <c r="J44" s="525">
        <v>101216</v>
      </c>
      <c r="K44" s="1156">
        <v>2714</v>
      </c>
      <c r="L44" s="1159">
        <v>146</v>
      </c>
      <c r="M44" s="520">
        <v>-548</v>
      </c>
      <c r="N44" s="520">
        <v>-1045</v>
      </c>
      <c r="O44" s="520">
        <v>1739</v>
      </c>
      <c r="P44" s="447" t="s">
        <v>451</v>
      </c>
      <c r="Q44" s="521">
        <v>0</v>
      </c>
      <c r="R44" s="522">
        <v>-1.3</v>
      </c>
      <c r="S44" s="522">
        <v>-0.5</v>
      </c>
      <c r="T44" s="523">
        <v>1.7</v>
      </c>
      <c r="U44" s="461" t="s">
        <v>452</v>
      </c>
      <c r="V44" s="459">
        <v>11.4</v>
      </c>
      <c r="W44" s="459">
        <v>59.9</v>
      </c>
      <c r="X44" s="459">
        <v>28.7</v>
      </c>
      <c r="Y44" s="526">
        <v>47.53</v>
      </c>
      <c r="Z44" s="523">
        <v>251</v>
      </c>
      <c r="AA44" s="462"/>
    </row>
    <row r="45" spans="1:27" ht="12.6" customHeight="1">
      <c r="A45" s="468" t="s">
        <v>378</v>
      </c>
      <c r="B45" s="456">
        <v>84735</v>
      </c>
      <c r="C45" s="456">
        <v>9633</v>
      </c>
      <c r="D45" s="456">
        <v>48937</v>
      </c>
      <c r="E45" s="456">
        <v>25673</v>
      </c>
      <c r="F45" s="456">
        <v>492</v>
      </c>
      <c r="G45" s="1127">
        <v>85113</v>
      </c>
      <c r="H45" s="504">
        <v>9863</v>
      </c>
      <c r="I45" s="504">
        <v>49611</v>
      </c>
      <c r="J45" s="504">
        <v>25147</v>
      </c>
      <c r="K45" s="1152">
        <v>492</v>
      </c>
      <c r="L45" s="1159">
        <v>-378</v>
      </c>
      <c r="M45" s="520">
        <v>-230</v>
      </c>
      <c r="N45" s="520">
        <v>-674</v>
      </c>
      <c r="O45" s="520">
        <v>526</v>
      </c>
      <c r="P45" s="447" t="s">
        <v>44</v>
      </c>
      <c r="Q45" s="521">
        <v>-0.4</v>
      </c>
      <c r="R45" s="522">
        <v>-2.2999999999999998</v>
      </c>
      <c r="S45" s="522">
        <v>-1.4</v>
      </c>
      <c r="T45" s="523">
        <v>2.1</v>
      </c>
      <c r="U45" s="461" t="s">
        <v>452</v>
      </c>
      <c r="V45" s="459">
        <v>11.4</v>
      </c>
      <c r="W45" s="459">
        <v>58.1</v>
      </c>
      <c r="X45" s="459">
        <v>30.5</v>
      </c>
      <c r="Y45" s="526">
        <v>48.31</v>
      </c>
      <c r="Z45" s="523">
        <v>266.5</v>
      </c>
      <c r="AA45" s="462"/>
    </row>
    <row r="46" spans="1:27" ht="12.6" customHeight="1">
      <c r="A46" s="468" t="s">
        <v>404</v>
      </c>
      <c r="B46" s="456">
        <v>135482</v>
      </c>
      <c r="C46" s="456">
        <v>15998</v>
      </c>
      <c r="D46" s="456">
        <v>81478</v>
      </c>
      <c r="E46" s="456">
        <v>36785</v>
      </c>
      <c r="F46" s="456">
        <v>1221</v>
      </c>
      <c r="G46" s="1127">
        <v>135288</v>
      </c>
      <c r="H46" s="504">
        <v>16199</v>
      </c>
      <c r="I46" s="504">
        <v>81731</v>
      </c>
      <c r="J46" s="504">
        <v>36137</v>
      </c>
      <c r="K46" s="1152">
        <v>1221</v>
      </c>
      <c r="L46" s="1159">
        <v>194</v>
      </c>
      <c r="M46" s="520">
        <v>-201</v>
      </c>
      <c r="N46" s="520">
        <v>-253</v>
      </c>
      <c r="O46" s="520">
        <v>648</v>
      </c>
      <c r="P46" s="447" t="s">
        <v>44</v>
      </c>
      <c r="Q46" s="521">
        <v>0.1</v>
      </c>
      <c r="R46" s="522">
        <v>-1.2</v>
      </c>
      <c r="S46" s="522">
        <v>-0.3</v>
      </c>
      <c r="T46" s="523">
        <v>1.8</v>
      </c>
      <c r="U46" s="461" t="s">
        <v>452</v>
      </c>
      <c r="V46" s="459">
        <v>11.9</v>
      </c>
      <c r="W46" s="459">
        <v>60.7</v>
      </c>
      <c r="X46" s="459">
        <v>27.4</v>
      </c>
      <c r="Y46" s="526">
        <v>46.81</v>
      </c>
      <c r="Z46" s="523">
        <v>229.9</v>
      </c>
      <c r="AA46" s="462"/>
    </row>
    <row r="47" spans="1:27" ht="12.6" customHeight="1">
      <c r="A47" s="468" t="s">
        <v>369</v>
      </c>
      <c r="B47" s="456">
        <v>141167</v>
      </c>
      <c r="C47" s="456">
        <v>15394</v>
      </c>
      <c r="D47" s="456">
        <v>84275</v>
      </c>
      <c r="E47" s="456">
        <v>40497</v>
      </c>
      <c r="F47" s="456">
        <v>1001</v>
      </c>
      <c r="G47" s="1127">
        <v>140837</v>
      </c>
      <c r="H47" s="504">
        <v>15511</v>
      </c>
      <c r="I47" s="504">
        <v>84393</v>
      </c>
      <c r="J47" s="504">
        <v>39932</v>
      </c>
      <c r="K47" s="1152">
        <v>1001</v>
      </c>
      <c r="L47" s="1159">
        <v>330</v>
      </c>
      <c r="M47" s="520">
        <v>-117</v>
      </c>
      <c r="N47" s="520">
        <v>-118</v>
      </c>
      <c r="O47" s="520">
        <v>565</v>
      </c>
      <c r="P47" s="447" t="s">
        <v>44</v>
      </c>
      <c r="Q47" s="521">
        <v>0.2</v>
      </c>
      <c r="R47" s="522">
        <v>-0.8</v>
      </c>
      <c r="S47" s="522">
        <v>-0.1</v>
      </c>
      <c r="T47" s="523">
        <v>1.4</v>
      </c>
      <c r="U47" s="461" t="s">
        <v>452</v>
      </c>
      <c r="V47" s="459">
        <v>11</v>
      </c>
      <c r="W47" s="459">
        <v>60.1</v>
      </c>
      <c r="X47" s="459">
        <v>28.9</v>
      </c>
      <c r="Y47" s="526">
        <v>47.76</v>
      </c>
      <c r="Z47" s="523">
        <v>263.10000000000002</v>
      </c>
      <c r="AA47" s="462"/>
    </row>
    <row r="48" spans="1:27" ht="12.6" customHeight="1">
      <c r="A48" s="483" t="s">
        <v>405</v>
      </c>
      <c r="B48" s="456">
        <v>108333</v>
      </c>
      <c r="C48" s="456">
        <v>12963</v>
      </c>
      <c r="D48" s="456">
        <v>63856</v>
      </c>
      <c r="E48" s="456">
        <v>31001</v>
      </c>
      <c r="F48" s="456">
        <v>513</v>
      </c>
      <c r="G48" s="1131">
        <v>108757</v>
      </c>
      <c r="H48" s="525">
        <v>13261</v>
      </c>
      <c r="I48" s="525">
        <v>64582</v>
      </c>
      <c r="J48" s="525">
        <v>30401</v>
      </c>
      <c r="K48" s="1156">
        <v>513</v>
      </c>
      <c r="L48" s="1159">
        <v>-424</v>
      </c>
      <c r="M48" s="520">
        <v>-298</v>
      </c>
      <c r="N48" s="520">
        <v>-726</v>
      </c>
      <c r="O48" s="520">
        <v>600</v>
      </c>
      <c r="P48" s="447" t="s">
        <v>451</v>
      </c>
      <c r="Q48" s="521">
        <v>-0.4</v>
      </c>
      <c r="R48" s="522">
        <v>-2.2000000000000002</v>
      </c>
      <c r="S48" s="522">
        <v>-1.1000000000000001</v>
      </c>
      <c r="T48" s="523">
        <v>2</v>
      </c>
      <c r="U48" s="461" t="s">
        <v>452</v>
      </c>
      <c r="V48" s="459">
        <v>12</v>
      </c>
      <c r="W48" s="459">
        <v>59.2</v>
      </c>
      <c r="X48" s="459">
        <v>28.8</v>
      </c>
      <c r="Y48" s="526">
        <v>47.23</v>
      </c>
      <c r="Z48" s="523">
        <v>239.1</v>
      </c>
      <c r="AA48" s="462"/>
    </row>
    <row r="49" spans="1:27" ht="12.6" customHeight="1">
      <c r="A49" s="483" t="s">
        <v>406</v>
      </c>
      <c r="B49" s="456">
        <v>119059</v>
      </c>
      <c r="C49" s="456">
        <v>14405</v>
      </c>
      <c r="D49" s="456">
        <v>72385</v>
      </c>
      <c r="E49" s="456">
        <v>31697</v>
      </c>
      <c r="F49" s="456">
        <v>572</v>
      </c>
      <c r="G49" s="1131">
        <v>117970</v>
      </c>
      <c r="H49" s="525">
        <v>14373</v>
      </c>
      <c r="I49" s="525">
        <v>71698</v>
      </c>
      <c r="J49" s="525">
        <v>31327</v>
      </c>
      <c r="K49" s="1156">
        <v>572</v>
      </c>
      <c r="L49" s="1159">
        <v>1089</v>
      </c>
      <c r="M49" s="520">
        <v>32</v>
      </c>
      <c r="N49" s="520">
        <v>687</v>
      </c>
      <c r="O49" s="520">
        <v>370</v>
      </c>
      <c r="P49" s="447" t="s">
        <v>451</v>
      </c>
      <c r="Q49" s="521">
        <v>0.9</v>
      </c>
      <c r="R49" s="522">
        <v>0.2</v>
      </c>
      <c r="S49" s="522">
        <v>1</v>
      </c>
      <c r="T49" s="523">
        <v>1.2</v>
      </c>
      <c r="U49" s="461" t="s">
        <v>452</v>
      </c>
      <c r="V49" s="459">
        <v>12.2</v>
      </c>
      <c r="W49" s="459">
        <v>61.1</v>
      </c>
      <c r="X49" s="459">
        <v>26.8</v>
      </c>
      <c r="Y49" s="526">
        <v>46.58</v>
      </c>
      <c r="Z49" s="523">
        <v>220</v>
      </c>
      <c r="AA49" s="462"/>
    </row>
    <row r="50" spans="1:27" ht="12.6" customHeight="1">
      <c r="A50" s="483" t="s">
        <v>407</v>
      </c>
      <c r="B50" s="456">
        <v>66601</v>
      </c>
      <c r="C50" s="456">
        <v>8497</v>
      </c>
      <c r="D50" s="456">
        <v>39806</v>
      </c>
      <c r="E50" s="456">
        <v>18119</v>
      </c>
      <c r="F50" s="456">
        <v>179</v>
      </c>
      <c r="G50" s="1131">
        <v>65919</v>
      </c>
      <c r="H50" s="525">
        <v>8521</v>
      </c>
      <c r="I50" s="525">
        <v>39440</v>
      </c>
      <c r="J50" s="525">
        <v>17779</v>
      </c>
      <c r="K50" s="1156">
        <v>179</v>
      </c>
      <c r="L50" s="1159">
        <v>682</v>
      </c>
      <c r="M50" s="520">
        <v>-24</v>
      </c>
      <c r="N50" s="520">
        <v>366</v>
      </c>
      <c r="O50" s="520">
        <v>340</v>
      </c>
      <c r="P50" s="447" t="s">
        <v>451</v>
      </c>
      <c r="Q50" s="521">
        <v>1</v>
      </c>
      <c r="R50" s="522">
        <v>-0.3</v>
      </c>
      <c r="S50" s="522">
        <v>0.9</v>
      </c>
      <c r="T50" s="523">
        <v>1.9</v>
      </c>
      <c r="U50" s="461" t="s">
        <v>452</v>
      </c>
      <c r="V50" s="459">
        <v>12.8</v>
      </c>
      <c r="W50" s="459">
        <v>59.9</v>
      </c>
      <c r="X50" s="459">
        <v>27.3</v>
      </c>
      <c r="Y50" s="526">
        <v>46.53</v>
      </c>
      <c r="Z50" s="523">
        <v>213.2</v>
      </c>
      <c r="AA50" s="462"/>
    </row>
    <row r="51" spans="1:27" ht="12.6" customHeight="1">
      <c r="A51" s="483" t="s">
        <v>409</v>
      </c>
      <c r="B51" s="456">
        <v>65564</v>
      </c>
      <c r="C51" s="456">
        <v>7364</v>
      </c>
      <c r="D51" s="456">
        <v>39311</v>
      </c>
      <c r="E51" s="456">
        <v>18153</v>
      </c>
      <c r="F51" s="456">
        <v>736</v>
      </c>
      <c r="G51" s="1131">
        <v>65091</v>
      </c>
      <c r="H51" s="525">
        <v>7369</v>
      </c>
      <c r="I51" s="525">
        <v>39132</v>
      </c>
      <c r="J51" s="525">
        <v>17854</v>
      </c>
      <c r="K51" s="1156">
        <v>736</v>
      </c>
      <c r="L51" s="1159">
        <v>473</v>
      </c>
      <c r="M51" s="520">
        <v>-5</v>
      </c>
      <c r="N51" s="520">
        <v>179</v>
      </c>
      <c r="O51" s="520">
        <v>299</v>
      </c>
      <c r="P51" s="447" t="s">
        <v>451</v>
      </c>
      <c r="Q51" s="521">
        <v>0.7</v>
      </c>
      <c r="R51" s="522">
        <v>-0.1</v>
      </c>
      <c r="S51" s="522">
        <v>0.5</v>
      </c>
      <c r="T51" s="523">
        <v>1.7</v>
      </c>
      <c r="U51" s="461" t="s">
        <v>452</v>
      </c>
      <c r="V51" s="459">
        <v>11.4</v>
      </c>
      <c r="W51" s="459">
        <v>60.6</v>
      </c>
      <c r="X51" s="459">
        <v>28</v>
      </c>
      <c r="Y51" s="526">
        <v>47.53</v>
      </c>
      <c r="Z51" s="523">
        <v>246.5</v>
      </c>
      <c r="AA51" s="462"/>
    </row>
    <row r="52" spans="1:27" ht="12.6" customHeight="1">
      <c r="A52" s="483" t="s">
        <v>410</v>
      </c>
      <c r="B52" s="456">
        <v>41378</v>
      </c>
      <c r="C52" s="456">
        <v>5397</v>
      </c>
      <c r="D52" s="456">
        <v>23245</v>
      </c>
      <c r="E52" s="456">
        <v>12571</v>
      </c>
      <c r="F52" s="456">
        <v>165</v>
      </c>
      <c r="G52" s="1131">
        <v>41398</v>
      </c>
      <c r="H52" s="525">
        <v>5469</v>
      </c>
      <c r="I52" s="525">
        <v>23293</v>
      </c>
      <c r="J52" s="525">
        <v>12471</v>
      </c>
      <c r="K52" s="1156">
        <v>165</v>
      </c>
      <c r="L52" s="1159">
        <v>-20</v>
      </c>
      <c r="M52" s="520">
        <v>-72</v>
      </c>
      <c r="N52" s="520">
        <v>-48</v>
      </c>
      <c r="O52" s="520">
        <v>100</v>
      </c>
      <c r="P52" s="447" t="s">
        <v>451</v>
      </c>
      <c r="Q52" s="482">
        <v>-4.8000000000000001E-2</v>
      </c>
      <c r="R52" s="522">
        <v>-1.3</v>
      </c>
      <c r="S52" s="522">
        <v>-0.2</v>
      </c>
      <c r="T52" s="523">
        <v>0.8</v>
      </c>
      <c r="U52" s="461" t="s">
        <v>452</v>
      </c>
      <c r="V52" s="459">
        <v>13.1</v>
      </c>
      <c r="W52" s="459">
        <v>56.4</v>
      </c>
      <c r="X52" s="459">
        <v>30.5</v>
      </c>
      <c r="Y52" s="526">
        <v>47.52</v>
      </c>
      <c r="Z52" s="523">
        <v>232.9</v>
      </c>
      <c r="AA52" s="462"/>
    </row>
    <row r="53" spans="1:27" ht="12.6" customHeight="1">
      <c r="A53" s="483" t="s">
        <v>411</v>
      </c>
      <c r="B53" s="456">
        <v>18870</v>
      </c>
      <c r="C53" s="456">
        <v>2006</v>
      </c>
      <c r="D53" s="456">
        <v>10370</v>
      </c>
      <c r="E53" s="456">
        <v>6133</v>
      </c>
      <c r="F53" s="456">
        <v>361</v>
      </c>
      <c r="G53" s="1131">
        <v>19011</v>
      </c>
      <c r="H53" s="525">
        <v>2071</v>
      </c>
      <c r="I53" s="525">
        <v>10537</v>
      </c>
      <c r="J53" s="525">
        <v>6042</v>
      </c>
      <c r="K53" s="1156">
        <v>361</v>
      </c>
      <c r="L53" s="1159">
        <v>-141</v>
      </c>
      <c r="M53" s="520">
        <v>-65</v>
      </c>
      <c r="N53" s="520">
        <v>-167</v>
      </c>
      <c r="O53" s="520">
        <v>91</v>
      </c>
      <c r="P53" s="447" t="s">
        <v>451</v>
      </c>
      <c r="Q53" s="521">
        <v>-0.7</v>
      </c>
      <c r="R53" s="522">
        <v>-3.1</v>
      </c>
      <c r="S53" s="522">
        <v>-1.6</v>
      </c>
      <c r="T53" s="523">
        <v>1.5</v>
      </c>
      <c r="U53" s="461" t="s">
        <v>452</v>
      </c>
      <c r="V53" s="459">
        <v>10.8</v>
      </c>
      <c r="W53" s="459">
        <v>56</v>
      </c>
      <c r="X53" s="459">
        <v>33.1</v>
      </c>
      <c r="Y53" s="526">
        <v>49.73</v>
      </c>
      <c r="Z53" s="523">
        <v>305.7</v>
      </c>
      <c r="AA53" s="462"/>
    </row>
    <row r="54" spans="1:27" ht="12.6" customHeight="1">
      <c r="A54" s="483" t="s">
        <v>412</v>
      </c>
      <c r="B54" s="456">
        <v>1506</v>
      </c>
      <c r="C54" s="456">
        <v>160</v>
      </c>
      <c r="D54" s="456">
        <v>741</v>
      </c>
      <c r="E54" s="456">
        <v>604</v>
      </c>
      <c r="F54" s="456">
        <v>1</v>
      </c>
      <c r="G54" s="1131">
        <v>1535</v>
      </c>
      <c r="H54" s="525">
        <v>162</v>
      </c>
      <c r="I54" s="525">
        <v>769</v>
      </c>
      <c r="J54" s="525">
        <v>603</v>
      </c>
      <c r="K54" s="1156">
        <v>1</v>
      </c>
      <c r="L54" s="1159">
        <v>-29</v>
      </c>
      <c r="M54" s="520">
        <v>-2</v>
      </c>
      <c r="N54" s="520">
        <v>-28</v>
      </c>
      <c r="O54" s="520">
        <v>1</v>
      </c>
      <c r="P54" s="447" t="s">
        <v>451</v>
      </c>
      <c r="Q54" s="521">
        <v>-1.9</v>
      </c>
      <c r="R54" s="522">
        <v>-1.2</v>
      </c>
      <c r="S54" s="522">
        <v>-3.6</v>
      </c>
      <c r="T54" s="523">
        <v>0.2</v>
      </c>
      <c r="U54" s="461" t="s">
        <v>452</v>
      </c>
      <c r="V54" s="459">
        <v>10.6</v>
      </c>
      <c r="W54" s="459">
        <v>49.2</v>
      </c>
      <c r="X54" s="459">
        <v>40.1</v>
      </c>
      <c r="Y54" s="526">
        <v>53.56</v>
      </c>
      <c r="Z54" s="523">
        <v>377.5</v>
      </c>
      <c r="AA54" s="462"/>
    </row>
    <row r="55" spans="1:27" ht="9" customHeight="1">
      <c r="A55" s="483"/>
      <c r="B55" s="456"/>
      <c r="C55" s="456"/>
      <c r="D55" s="456"/>
      <c r="E55" s="456"/>
      <c r="F55" s="456"/>
      <c r="G55" s="1130"/>
      <c r="H55" s="519"/>
      <c r="I55" s="519"/>
      <c r="J55" s="519"/>
      <c r="K55" s="1155"/>
      <c r="L55" s="1159"/>
      <c r="M55" s="520"/>
      <c r="N55" s="520"/>
      <c r="O55" s="520"/>
      <c r="P55" s="447"/>
      <c r="Q55" s="521"/>
      <c r="R55" s="522"/>
      <c r="S55" s="522"/>
      <c r="T55" s="523"/>
      <c r="U55" s="461"/>
      <c r="V55" s="459"/>
      <c r="W55" s="459"/>
      <c r="X55" s="459"/>
      <c r="Y55" s="526"/>
      <c r="Z55" s="523"/>
      <c r="AA55" s="462"/>
    </row>
    <row r="56" spans="1:27" ht="12.6" customHeight="1">
      <c r="A56" s="506" t="s">
        <v>413</v>
      </c>
      <c r="B56" s="447">
        <v>657878</v>
      </c>
      <c r="C56" s="447">
        <v>78512</v>
      </c>
      <c r="D56" s="447">
        <v>382781</v>
      </c>
      <c r="E56" s="447">
        <v>194773</v>
      </c>
      <c r="F56" s="447">
        <v>1812</v>
      </c>
      <c r="G56" s="1129">
        <v>657015</v>
      </c>
      <c r="H56" s="513">
        <v>79715</v>
      </c>
      <c r="I56" s="513">
        <v>383132</v>
      </c>
      <c r="J56" s="513">
        <v>192356</v>
      </c>
      <c r="K56" s="1154">
        <v>1812</v>
      </c>
      <c r="L56" s="1158">
        <v>863</v>
      </c>
      <c r="M56" s="514">
        <v>-1203</v>
      </c>
      <c r="N56" s="514">
        <v>-351</v>
      </c>
      <c r="O56" s="514">
        <v>2417</v>
      </c>
      <c r="P56" s="447" t="s">
        <v>451</v>
      </c>
      <c r="Q56" s="515">
        <v>0.1</v>
      </c>
      <c r="R56" s="516">
        <v>-1.5</v>
      </c>
      <c r="S56" s="516">
        <v>-0.1</v>
      </c>
      <c r="T56" s="517">
        <v>1.3</v>
      </c>
      <c r="U56" s="452" t="s">
        <v>452</v>
      </c>
      <c r="V56" s="450">
        <v>12</v>
      </c>
      <c r="W56" s="450">
        <v>58.3</v>
      </c>
      <c r="X56" s="450">
        <v>29.7</v>
      </c>
      <c r="Y56" s="518">
        <v>48.11</v>
      </c>
      <c r="Z56" s="517">
        <v>248.1</v>
      </c>
      <c r="AA56" s="454"/>
    </row>
    <row r="57" spans="1:27" ht="12.6" customHeight="1">
      <c r="A57" s="483" t="s">
        <v>414</v>
      </c>
      <c r="B57" s="456">
        <v>128720</v>
      </c>
      <c r="C57" s="456">
        <v>14555</v>
      </c>
      <c r="D57" s="456">
        <v>73843</v>
      </c>
      <c r="E57" s="456">
        <v>39670</v>
      </c>
      <c r="F57" s="456">
        <v>652</v>
      </c>
      <c r="G57" s="1131">
        <v>128729</v>
      </c>
      <c r="H57" s="525">
        <v>14808</v>
      </c>
      <c r="I57" s="525">
        <v>74097</v>
      </c>
      <c r="J57" s="525">
        <v>39172</v>
      </c>
      <c r="K57" s="1156">
        <v>652</v>
      </c>
      <c r="L57" s="1159">
        <v>-9</v>
      </c>
      <c r="M57" s="520">
        <v>-253</v>
      </c>
      <c r="N57" s="520">
        <v>-254</v>
      </c>
      <c r="O57" s="520">
        <v>498</v>
      </c>
      <c r="P57" s="447" t="s">
        <v>451</v>
      </c>
      <c r="Q57" s="482">
        <v>-0.01</v>
      </c>
      <c r="R57" s="522">
        <v>-1.7</v>
      </c>
      <c r="S57" s="522">
        <v>-0.3</v>
      </c>
      <c r="T57" s="523">
        <v>1.3</v>
      </c>
      <c r="U57" s="461" t="s">
        <v>452</v>
      </c>
      <c r="V57" s="459">
        <v>11.4</v>
      </c>
      <c r="W57" s="459">
        <v>57.7</v>
      </c>
      <c r="X57" s="459">
        <v>31</v>
      </c>
      <c r="Y57" s="526">
        <v>48.85</v>
      </c>
      <c r="Z57" s="523">
        <v>272.60000000000002</v>
      </c>
      <c r="AA57" s="462"/>
    </row>
    <row r="58" spans="1:27" ht="12.6" customHeight="1">
      <c r="A58" s="483" t="s">
        <v>416</v>
      </c>
      <c r="B58" s="456">
        <v>219921</v>
      </c>
      <c r="C58" s="456">
        <v>27889</v>
      </c>
      <c r="D58" s="456">
        <v>131856</v>
      </c>
      <c r="E58" s="456">
        <v>60142</v>
      </c>
      <c r="F58" s="456">
        <v>34</v>
      </c>
      <c r="G58" s="1131">
        <v>218507</v>
      </c>
      <c r="H58" s="525">
        <v>28100</v>
      </c>
      <c r="I58" s="525">
        <v>130887</v>
      </c>
      <c r="J58" s="525">
        <v>59486</v>
      </c>
      <c r="K58" s="1156">
        <v>34</v>
      </c>
      <c r="L58" s="1159">
        <v>1414</v>
      </c>
      <c r="M58" s="520">
        <v>-211</v>
      </c>
      <c r="N58" s="520">
        <v>969</v>
      </c>
      <c r="O58" s="520">
        <v>656</v>
      </c>
      <c r="P58" s="447" t="s">
        <v>451</v>
      </c>
      <c r="Q58" s="521">
        <v>0.6</v>
      </c>
      <c r="R58" s="522">
        <v>-0.8</v>
      </c>
      <c r="S58" s="522">
        <v>0.7</v>
      </c>
      <c r="T58" s="523">
        <v>1.1000000000000001</v>
      </c>
      <c r="U58" s="461" t="s">
        <v>452</v>
      </c>
      <c r="V58" s="459">
        <v>12.7</v>
      </c>
      <c r="W58" s="459">
        <v>60</v>
      </c>
      <c r="X58" s="459">
        <v>27.4</v>
      </c>
      <c r="Y58" s="526">
        <v>46.96</v>
      </c>
      <c r="Z58" s="523">
        <v>215.6</v>
      </c>
      <c r="AA58" s="462"/>
    </row>
    <row r="59" spans="1:27" ht="12.6" customHeight="1">
      <c r="A59" s="483" t="s">
        <v>417</v>
      </c>
      <c r="B59" s="456">
        <v>124244</v>
      </c>
      <c r="C59" s="456">
        <v>15384</v>
      </c>
      <c r="D59" s="456">
        <v>72720</v>
      </c>
      <c r="E59" s="456">
        <v>35882</v>
      </c>
      <c r="F59" s="456">
        <v>258</v>
      </c>
      <c r="G59" s="1131">
        <v>124187</v>
      </c>
      <c r="H59" s="525">
        <v>15650</v>
      </c>
      <c r="I59" s="525">
        <v>72765</v>
      </c>
      <c r="J59" s="525">
        <v>35514</v>
      </c>
      <c r="K59" s="1156">
        <v>258</v>
      </c>
      <c r="L59" s="1159">
        <v>57</v>
      </c>
      <c r="M59" s="520">
        <v>-266</v>
      </c>
      <c r="N59" s="520">
        <v>-45</v>
      </c>
      <c r="O59" s="520">
        <v>368</v>
      </c>
      <c r="P59" s="447" t="s">
        <v>451</v>
      </c>
      <c r="Q59" s="521">
        <v>0</v>
      </c>
      <c r="R59" s="522">
        <v>-1.7</v>
      </c>
      <c r="S59" s="522">
        <v>-0.1</v>
      </c>
      <c r="T59" s="523">
        <v>1</v>
      </c>
      <c r="U59" s="461" t="s">
        <v>452</v>
      </c>
      <c r="V59" s="459">
        <v>12.4</v>
      </c>
      <c r="W59" s="459">
        <v>58.7</v>
      </c>
      <c r="X59" s="459">
        <v>28.9</v>
      </c>
      <c r="Y59" s="526">
        <v>47.87</v>
      </c>
      <c r="Z59" s="523">
        <v>233.2</v>
      </c>
      <c r="AA59" s="462"/>
    </row>
    <row r="60" spans="1:27" ht="12.6" customHeight="1">
      <c r="A60" s="483" t="s">
        <v>418</v>
      </c>
      <c r="B60" s="456">
        <v>80465</v>
      </c>
      <c r="C60" s="456">
        <v>8755</v>
      </c>
      <c r="D60" s="456">
        <v>45160</v>
      </c>
      <c r="E60" s="456">
        <v>26316</v>
      </c>
      <c r="F60" s="456">
        <v>234</v>
      </c>
      <c r="G60" s="1131">
        <v>80750</v>
      </c>
      <c r="H60" s="525">
        <v>9021</v>
      </c>
      <c r="I60" s="525">
        <v>45686</v>
      </c>
      <c r="J60" s="525">
        <v>25809</v>
      </c>
      <c r="K60" s="1156">
        <v>234</v>
      </c>
      <c r="L60" s="1159">
        <v>-285</v>
      </c>
      <c r="M60" s="520">
        <v>-266</v>
      </c>
      <c r="N60" s="520">
        <v>-526</v>
      </c>
      <c r="O60" s="520">
        <v>507</v>
      </c>
      <c r="P60" s="447" t="s">
        <v>451</v>
      </c>
      <c r="Q60" s="521">
        <v>-0.4</v>
      </c>
      <c r="R60" s="522">
        <v>-2.9</v>
      </c>
      <c r="S60" s="522">
        <v>-1.2</v>
      </c>
      <c r="T60" s="523">
        <v>2</v>
      </c>
      <c r="U60" s="461" t="s">
        <v>452</v>
      </c>
      <c r="V60" s="459">
        <v>10.9</v>
      </c>
      <c r="W60" s="459">
        <v>56.3</v>
      </c>
      <c r="X60" s="459">
        <v>32.799999999999997</v>
      </c>
      <c r="Y60" s="526">
        <v>49.41</v>
      </c>
      <c r="Z60" s="523">
        <v>300.60000000000002</v>
      </c>
      <c r="AA60" s="462"/>
    </row>
    <row r="61" spans="1:27" ht="12.6" customHeight="1">
      <c r="A61" s="483" t="s">
        <v>419</v>
      </c>
      <c r="B61" s="456">
        <v>50357</v>
      </c>
      <c r="C61" s="456">
        <v>5804</v>
      </c>
      <c r="D61" s="456">
        <v>29754</v>
      </c>
      <c r="E61" s="456">
        <v>14485</v>
      </c>
      <c r="F61" s="456">
        <v>314</v>
      </c>
      <c r="G61" s="1131">
        <v>50472</v>
      </c>
      <c r="H61" s="525">
        <v>5943</v>
      </c>
      <c r="I61" s="525">
        <v>29988</v>
      </c>
      <c r="J61" s="525">
        <v>14227</v>
      </c>
      <c r="K61" s="1156">
        <v>314</v>
      </c>
      <c r="L61" s="1159">
        <v>-115</v>
      </c>
      <c r="M61" s="520">
        <v>-139</v>
      </c>
      <c r="N61" s="520">
        <v>-234</v>
      </c>
      <c r="O61" s="520">
        <v>258</v>
      </c>
      <c r="P61" s="447" t="s">
        <v>451</v>
      </c>
      <c r="Q61" s="521">
        <v>-0.2</v>
      </c>
      <c r="R61" s="522">
        <v>-2.2999999999999998</v>
      </c>
      <c r="S61" s="522">
        <v>-0.8</v>
      </c>
      <c r="T61" s="523">
        <v>1.8</v>
      </c>
      <c r="U61" s="461" t="s">
        <v>452</v>
      </c>
      <c r="V61" s="459">
        <v>11.6</v>
      </c>
      <c r="W61" s="459">
        <v>59.5</v>
      </c>
      <c r="X61" s="459">
        <v>28.9</v>
      </c>
      <c r="Y61" s="526">
        <v>47.53</v>
      </c>
      <c r="Z61" s="523">
        <v>249.6</v>
      </c>
      <c r="AA61" s="462"/>
    </row>
    <row r="62" spans="1:27" ht="12.6" customHeight="1">
      <c r="A62" s="483" t="s">
        <v>420</v>
      </c>
      <c r="B62" s="456">
        <v>23864</v>
      </c>
      <c r="C62" s="456">
        <v>3025</v>
      </c>
      <c r="D62" s="456">
        <v>13661</v>
      </c>
      <c r="E62" s="456">
        <v>7145</v>
      </c>
      <c r="F62" s="456">
        <v>33</v>
      </c>
      <c r="G62" s="1131">
        <v>23850</v>
      </c>
      <c r="H62" s="525">
        <v>3052</v>
      </c>
      <c r="I62" s="525">
        <v>13720</v>
      </c>
      <c r="J62" s="525">
        <v>7045</v>
      </c>
      <c r="K62" s="1156">
        <v>33</v>
      </c>
      <c r="L62" s="1159">
        <v>14</v>
      </c>
      <c r="M62" s="520">
        <v>-27</v>
      </c>
      <c r="N62" s="520">
        <v>-59</v>
      </c>
      <c r="O62" s="520">
        <v>100</v>
      </c>
      <c r="P62" s="447" t="s">
        <v>451</v>
      </c>
      <c r="Q62" s="521">
        <v>0.1</v>
      </c>
      <c r="R62" s="522">
        <v>-0.9</v>
      </c>
      <c r="S62" s="522">
        <v>-0.4</v>
      </c>
      <c r="T62" s="523">
        <v>1.4</v>
      </c>
      <c r="U62" s="461" t="s">
        <v>452</v>
      </c>
      <c r="V62" s="459">
        <v>12.7</v>
      </c>
      <c r="W62" s="459">
        <v>57.3</v>
      </c>
      <c r="X62" s="459">
        <v>30</v>
      </c>
      <c r="Y62" s="526">
        <v>47.6</v>
      </c>
      <c r="Z62" s="523">
        <v>236.2</v>
      </c>
      <c r="AA62" s="462"/>
    </row>
    <row r="63" spans="1:27" ht="12.6" customHeight="1">
      <c r="A63" s="483" t="s">
        <v>421</v>
      </c>
      <c r="B63" s="456">
        <v>15980</v>
      </c>
      <c r="C63" s="456">
        <v>1704</v>
      </c>
      <c r="D63" s="456">
        <v>8180</v>
      </c>
      <c r="E63" s="456">
        <v>5810</v>
      </c>
      <c r="F63" s="456">
        <v>286</v>
      </c>
      <c r="G63" s="1131">
        <v>16075</v>
      </c>
      <c r="H63" s="525">
        <v>1707</v>
      </c>
      <c r="I63" s="525">
        <v>8281</v>
      </c>
      <c r="J63" s="525">
        <v>5801</v>
      </c>
      <c r="K63" s="1156">
        <v>286</v>
      </c>
      <c r="L63" s="1159">
        <v>-95</v>
      </c>
      <c r="M63" s="520">
        <v>-3</v>
      </c>
      <c r="N63" s="520">
        <v>-101</v>
      </c>
      <c r="O63" s="520">
        <v>9</v>
      </c>
      <c r="P63" s="447" t="s">
        <v>451</v>
      </c>
      <c r="Q63" s="521">
        <v>-0.6</v>
      </c>
      <c r="R63" s="522">
        <v>-0.2</v>
      </c>
      <c r="S63" s="522">
        <v>-1.2</v>
      </c>
      <c r="T63" s="523">
        <v>0.2</v>
      </c>
      <c r="U63" s="461" t="s">
        <v>452</v>
      </c>
      <c r="V63" s="459">
        <v>10.9</v>
      </c>
      <c r="W63" s="459">
        <v>52.1</v>
      </c>
      <c r="X63" s="459">
        <v>37</v>
      </c>
      <c r="Y63" s="526">
        <v>51.9</v>
      </c>
      <c r="Z63" s="523">
        <v>341</v>
      </c>
      <c r="AA63" s="462"/>
    </row>
    <row r="64" spans="1:27" ht="12.6" customHeight="1">
      <c r="A64" s="483" t="s">
        <v>423</v>
      </c>
      <c r="B64" s="456">
        <v>14327</v>
      </c>
      <c r="C64" s="456">
        <v>1396</v>
      </c>
      <c r="D64" s="456">
        <v>7607</v>
      </c>
      <c r="E64" s="456">
        <v>5323</v>
      </c>
      <c r="F64" s="456">
        <v>1</v>
      </c>
      <c r="G64" s="1131">
        <v>14445</v>
      </c>
      <c r="H64" s="525">
        <v>1434</v>
      </c>
      <c r="I64" s="525">
        <v>7708</v>
      </c>
      <c r="J64" s="525">
        <v>5302</v>
      </c>
      <c r="K64" s="1156">
        <v>1</v>
      </c>
      <c r="L64" s="1159">
        <v>-118</v>
      </c>
      <c r="M64" s="520">
        <v>-38</v>
      </c>
      <c r="N64" s="520">
        <v>-101</v>
      </c>
      <c r="O64" s="520">
        <v>21</v>
      </c>
      <c r="P64" s="447" t="s">
        <v>451</v>
      </c>
      <c r="Q64" s="521">
        <v>-0.8</v>
      </c>
      <c r="R64" s="522">
        <v>-2.6</v>
      </c>
      <c r="S64" s="522">
        <v>-1.3</v>
      </c>
      <c r="T64" s="523">
        <v>0.4</v>
      </c>
      <c r="U64" s="461" t="s">
        <v>452</v>
      </c>
      <c r="V64" s="459">
        <v>9.6999999999999993</v>
      </c>
      <c r="W64" s="459">
        <v>53.1</v>
      </c>
      <c r="X64" s="459">
        <v>37.200000000000003</v>
      </c>
      <c r="Y64" s="526">
        <v>52.41</v>
      </c>
      <c r="Z64" s="523">
        <v>381.3</v>
      </c>
      <c r="AA64" s="462"/>
    </row>
    <row r="65" spans="1:27" ht="9" customHeight="1">
      <c r="A65" s="483"/>
      <c r="B65" s="456"/>
      <c r="C65" s="456"/>
      <c r="D65" s="456"/>
      <c r="E65" s="456"/>
      <c r="F65" s="456"/>
      <c r="G65" s="1130"/>
      <c r="H65" s="519"/>
      <c r="I65" s="519"/>
      <c r="J65" s="519"/>
      <c r="K65" s="1155"/>
      <c r="L65" s="1159"/>
      <c r="M65" s="520"/>
      <c r="N65" s="520"/>
      <c r="O65" s="520"/>
      <c r="P65" s="447"/>
      <c r="Q65" s="521"/>
      <c r="R65" s="522"/>
      <c r="S65" s="522"/>
      <c r="T65" s="523"/>
      <c r="U65" s="461"/>
      <c r="V65" s="459"/>
      <c r="W65" s="459"/>
      <c r="X65" s="459"/>
      <c r="Y65" s="526"/>
      <c r="Z65" s="523"/>
      <c r="AA65" s="462"/>
    </row>
    <row r="66" spans="1:27" ht="12.6" customHeight="1">
      <c r="A66" s="506" t="s">
        <v>424</v>
      </c>
      <c r="B66" s="447">
        <v>173880</v>
      </c>
      <c r="C66" s="447">
        <v>17628</v>
      </c>
      <c r="D66" s="447">
        <v>94622</v>
      </c>
      <c r="E66" s="447">
        <v>60852</v>
      </c>
      <c r="F66" s="447">
        <v>778</v>
      </c>
      <c r="G66" s="1129">
        <v>175013</v>
      </c>
      <c r="H66" s="513">
        <v>18001</v>
      </c>
      <c r="I66" s="513">
        <v>95856</v>
      </c>
      <c r="J66" s="513">
        <v>60378</v>
      </c>
      <c r="K66" s="1154">
        <v>778</v>
      </c>
      <c r="L66" s="1158">
        <v>-1133</v>
      </c>
      <c r="M66" s="514">
        <v>-373</v>
      </c>
      <c r="N66" s="514">
        <v>-1234</v>
      </c>
      <c r="O66" s="514">
        <v>474</v>
      </c>
      <c r="P66" s="447" t="s">
        <v>451</v>
      </c>
      <c r="Q66" s="515">
        <v>-0.6</v>
      </c>
      <c r="R66" s="516">
        <v>-2.1</v>
      </c>
      <c r="S66" s="516">
        <v>-1.3</v>
      </c>
      <c r="T66" s="517">
        <v>0.8</v>
      </c>
      <c r="U66" s="452" t="s">
        <v>452</v>
      </c>
      <c r="V66" s="450">
        <v>10.199999999999999</v>
      </c>
      <c r="W66" s="450">
        <v>54.7</v>
      </c>
      <c r="X66" s="450">
        <v>35.200000000000003</v>
      </c>
      <c r="Y66" s="518">
        <v>51.18</v>
      </c>
      <c r="Z66" s="517">
        <v>345.2</v>
      </c>
      <c r="AA66" s="454"/>
    </row>
    <row r="67" spans="1:27" ht="12.6" customHeight="1">
      <c r="A67" s="483" t="s">
        <v>425</v>
      </c>
      <c r="B67" s="456">
        <v>97666</v>
      </c>
      <c r="C67" s="456">
        <v>10180</v>
      </c>
      <c r="D67" s="456">
        <v>54841</v>
      </c>
      <c r="E67" s="456">
        <v>32104</v>
      </c>
      <c r="F67" s="456">
        <v>541</v>
      </c>
      <c r="G67" s="1131">
        <v>98092</v>
      </c>
      <c r="H67" s="525">
        <v>10334</v>
      </c>
      <c r="I67" s="525">
        <v>55413</v>
      </c>
      <c r="J67" s="525">
        <v>31804</v>
      </c>
      <c r="K67" s="1156">
        <v>541</v>
      </c>
      <c r="L67" s="1159">
        <v>-426</v>
      </c>
      <c r="M67" s="520">
        <v>-154</v>
      </c>
      <c r="N67" s="520">
        <v>-572</v>
      </c>
      <c r="O67" s="520">
        <v>300</v>
      </c>
      <c r="P67" s="447" t="s">
        <v>451</v>
      </c>
      <c r="Q67" s="521">
        <v>-0.4</v>
      </c>
      <c r="R67" s="522">
        <v>-1.5</v>
      </c>
      <c r="S67" s="522">
        <v>-1</v>
      </c>
      <c r="T67" s="523">
        <v>0.9</v>
      </c>
      <c r="U67" s="461" t="s">
        <v>452</v>
      </c>
      <c r="V67" s="459">
        <v>10.5</v>
      </c>
      <c r="W67" s="459">
        <v>56.5</v>
      </c>
      <c r="X67" s="459">
        <v>33.1</v>
      </c>
      <c r="Y67" s="526">
        <v>50.23</v>
      </c>
      <c r="Z67" s="523">
        <v>315.39999999999998</v>
      </c>
      <c r="AA67" s="462"/>
    </row>
    <row r="68" spans="1:27" ht="12.6" customHeight="1">
      <c r="A68" s="483" t="s">
        <v>426</v>
      </c>
      <c r="B68" s="456">
        <v>21170</v>
      </c>
      <c r="C68" s="456">
        <v>2292</v>
      </c>
      <c r="D68" s="456">
        <v>11284</v>
      </c>
      <c r="E68" s="456">
        <v>7569</v>
      </c>
      <c r="F68" s="456">
        <v>25</v>
      </c>
      <c r="G68" s="1131">
        <v>21412</v>
      </c>
      <c r="H68" s="525">
        <v>2360</v>
      </c>
      <c r="I68" s="525">
        <v>11514</v>
      </c>
      <c r="J68" s="525">
        <v>7513</v>
      </c>
      <c r="K68" s="1156">
        <v>25</v>
      </c>
      <c r="L68" s="1159">
        <v>-242</v>
      </c>
      <c r="M68" s="520">
        <v>-68</v>
      </c>
      <c r="N68" s="520">
        <v>-230</v>
      </c>
      <c r="O68" s="520">
        <v>56</v>
      </c>
      <c r="P68" s="447" t="s">
        <v>451</v>
      </c>
      <c r="Q68" s="521">
        <v>-1.1000000000000001</v>
      </c>
      <c r="R68" s="522">
        <v>-2.9</v>
      </c>
      <c r="S68" s="522">
        <v>-2</v>
      </c>
      <c r="T68" s="523">
        <v>0.7</v>
      </c>
      <c r="U68" s="461" t="s">
        <v>452</v>
      </c>
      <c r="V68" s="459">
        <v>10.8</v>
      </c>
      <c r="W68" s="459">
        <v>53.4</v>
      </c>
      <c r="X68" s="459">
        <v>35.799999999999997</v>
      </c>
      <c r="Y68" s="526">
        <v>51.19</v>
      </c>
      <c r="Z68" s="523">
        <v>330.2</v>
      </c>
      <c r="AA68" s="462"/>
    </row>
    <row r="69" spans="1:27" ht="12.6" customHeight="1">
      <c r="A69" s="483" t="s">
        <v>427</v>
      </c>
      <c r="B69" s="456">
        <v>4643</v>
      </c>
      <c r="C69" s="456">
        <v>460</v>
      </c>
      <c r="D69" s="456">
        <v>2373</v>
      </c>
      <c r="E69" s="456">
        <v>1810</v>
      </c>
      <c r="F69" s="456">
        <v>0</v>
      </c>
      <c r="G69" s="1131">
        <v>4709</v>
      </c>
      <c r="H69" s="525">
        <v>478</v>
      </c>
      <c r="I69" s="525">
        <v>2462</v>
      </c>
      <c r="J69" s="525">
        <v>1769</v>
      </c>
      <c r="K69" s="1156">
        <v>0</v>
      </c>
      <c r="L69" s="1159">
        <v>-66</v>
      </c>
      <c r="M69" s="520">
        <v>-18</v>
      </c>
      <c r="N69" s="520">
        <v>-89</v>
      </c>
      <c r="O69" s="520">
        <v>41</v>
      </c>
      <c r="P69" s="447" t="s">
        <v>451</v>
      </c>
      <c r="Q69" s="521">
        <v>-1.4</v>
      </c>
      <c r="R69" s="522">
        <v>-3.8</v>
      </c>
      <c r="S69" s="522">
        <v>-3.6</v>
      </c>
      <c r="T69" s="523">
        <v>2.2999999999999998</v>
      </c>
      <c r="U69" s="461" t="s">
        <v>452</v>
      </c>
      <c r="V69" s="459">
        <v>9.9</v>
      </c>
      <c r="W69" s="459">
        <v>51.1</v>
      </c>
      <c r="X69" s="459">
        <v>39</v>
      </c>
      <c r="Y69" s="526">
        <v>52.85</v>
      </c>
      <c r="Z69" s="523">
        <v>393.5</v>
      </c>
      <c r="AA69" s="462"/>
    </row>
    <row r="70" spans="1:27" ht="12.6" customHeight="1">
      <c r="A70" s="483" t="s">
        <v>428</v>
      </c>
      <c r="B70" s="456">
        <v>8594</v>
      </c>
      <c r="C70" s="456">
        <v>1022</v>
      </c>
      <c r="D70" s="456">
        <v>4878</v>
      </c>
      <c r="E70" s="456">
        <v>2684</v>
      </c>
      <c r="F70" s="456">
        <v>10</v>
      </c>
      <c r="G70" s="1131">
        <v>8562</v>
      </c>
      <c r="H70" s="525">
        <v>1023</v>
      </c>
      <c r="I70" s="525">
        <v>4895</v>
      </c>
      <c r="J70" s="525">
        <v>2634</v>
      </c>
      <c r="K70" s="1156">
        <v>10</v>
      </c>
      <c r="L70" s="1159">
        <v>32</v>
      </c>
      <c r="M70" s="520">
        <v>-1</v>
      </c>
      <c r="N70" s="520">
        <v>-17</v>
      </c>
      <c r="O70" s="520">
        <v>50</v>
      </c>
      <c r="P70" s="447" t="s">
        <v>451</v>
      </c>
      <c r="Q70" s="521">
        <v>0.4</v>
      </c>
      <c r="R70" s="522">
        <v>-0.1</v>
      </c>
      <c r="S70" s="522">
        <v>-0.3</v>
      </c>
      <c r="T70" s="523">
        <v>1.9</v>
      </c>
      <c r="U70" s="461" t="s">
        <v>452</v>
      </c>
      <c r="V70" s="459">
        <v>11.9</v>
      </c>
      <c r="W70" s="459">
        <v>56.8</v>
      </c>
      <c r="X70" s="459">
        <v>31.3</v>
      </c>
      <c r="Y70" s="526">
        <v>48.41</v>
      </c>
      <c r="Z70" s="523">
        <v>262.60000000000002</v>
      </c>
      <c r="AA70" s="462"/>
    </row>
    <row r="71" spans="1:27" ht="12.6" customHeight="1">
      <c r="A71" s="483" t="s">
        <v>429</v>
      </c>
      <c r="B71" s="456">
        <v>5472</v>
      </c>
      <c r="C71" s="456">
        <v>500</v>
      </c>
      <c r="D71" s="456">
        <v>2941</v>
      </c>
      <c r="E71" s="456">
        <v>2029</v>
      </c>
      <c r="F71" s="456">
        <v>2</v>
      </c>
      <c r="G71" s="1131">
        <v>5533</v>
      </c>
      <c r="H71" s="525">
        <v>501</v>
      </c>
      <c r="I71" s="525">
        <v>2987</v>
      </c>
      <c r="J71" s="525">
        <v>2043</v>
      </c>
      <c r="K71" s="1156">
        <v>2</v>
      </c>
      <c r="L71" s="1159">
        <v>-61</v>
      </c>
      <c r="M71" s="520">
        <v>-1</v>
      </c>
      <c r="N71" s="520">
        <v>-46</v>
      </c>
      <c r="O71" s="520">
        <v>-14</v>
      </c>
      <c r="P71" s="447" t="s">
        <v>451</v>
      </c>
      <c r="Q71" s="521">
        <v>-1.1000000000000001</v>
      </c>
      <c r="R71" s="522">
        <v>-0.2</v>
      </c>
      <c r="S71" s="522">
        <v>-1.5</v>
      </c>
      <c r="T71" s="523">
        <v>-0.7</v>
      </c>
      <c r="U71" s="461" t="s">
        <v>452</v>
      </c>
      <c r="V71" s="459">
        <v>9.1</v>
      </c>
      <c r="W71" s="459">
        <v>53.8</v>
      </c>
      <c r="X71" s="459">
        <v>37.1</v>
      </c>
      <c r="Y71" s="526">
        <v>52.5</v>
      </c>
      <c r="Z71" s="523">
        <v>405.8</v>
      </c>
      <c r="AA71" s="462"/>
    </row>
    <row r="72" spans="1:27" ht="12.6" customHeight="1">
      <c r="A72" s="483" t="s">
        <v>430</v>
      </c>
      <c r="B72" s="456">
        <v>4911</v>
      </c>
      <c r="C72" s="456">
        <v>414</v>
      </c>
      <c r="D72" s="456">
        <v>2404</v>
      </c>
      <c r="E72" s="456">
        <v>2093</v>
      </c>
      <c r="F72" s="456">
        <v>0</v>
      </c>
      <c r="G72" s="1131">
        <v>5012</v>
      </c>
      <c r="H72" s="525">
        <v>431</v>
      </c>
      <c r="I72" s="525">
        <v>2495</v>
      </c>
      <c r="J72" s="525">
        <v>2086</v>
      </c>
      <c r="K72" s="1156">
        <v>0</v>
      </c>
      <c r="L72" s="1159">
        <v>-101</v>
      </c>
      <c r="M72" s="520">
        <v>-17</v>
      </c>
      <c r="N72" s="520">
        <v>-91</v>
      </c>
      <c r="O72" s="520">
        <v>7</v>
      </c>
      <c r="P72" s="447" t="s">
        <v>451</v>
      </c>
      <c r="Q72" s="521">
        <v>-2</v>
      </c>
      <c r="R72" s="522">
        <v>-3.9</v>
      </c>
      <c r="S72" s="522">
        <v>-3.6</v>
      </c>
      <c r="T72" s="523">
        <v>0.3</v>
      </c>
      <c r="U72" s="461" t="s">
        <v>452</v>
      </c>
      <c r="V72" s="459">
        <v>8.4</v>
      </c>
      <c r="W72" s="459">
        <v>49</v>
      </c>
      <c r="X72" s="459">
        <v>42.6</v>
      </c>
      <c r="Y72" s="526">
        <v>55.29</v>
      </c>
      <c r="Z72" s="523">
        <v>505.6</v>
      </c>
      <c r="AA72" s="462"/>
    </row>
    <row r="73" spans="1:27" ht="12.6" customHeight="1">
      <c r="A73" s="483" t="s">
        <v>431</v>
      </c>
      <c r="B73" s="456">
        <v>9306</v>
      </c>
      <c r="C73" s="456">
        <v>1325</v>
      </c>
      <c r="D73" s="456">
        <v>5299</v>
      </c>
      <c r="E73" s="456">
        <v>2666</v>
      </c>
      <c r="F73" s="456">
        <v>16</v>
      </c>
      <c r="G73" s="1131">
        <v>9153</v>
      </c>
      <c r="H73" s="525">
        <v>1331</v>
      </c>
      <c r="I73" s="525">
        <v>5190</v>
      </c>
      <c r="J73" s="525">
        <v>2616</v>
      </c>
      <c r="K73" s="1156">
        <v>16</v>
      </c>
      <c r="L73" s="1159">
        <v>153</v>
      </c>
      <c r="M73" s="520">
        <v>-6</v>
      </c>
      <c r="N73" s="520">
        <v>109</v>
      </c>
      <c r="O73" s="520">
        <v>50</v>
      </c>
      <c r="P73" s="447" t="s">
        <v>451</v>
      </c>
      <c r="Q73" s="521">
        <v>1.7</v>
      </c>
      <c r="R73" s="522">
        <v>-0.5</v>
      </c>
      <c r="S73" s="522">
        <v>2.1</v>
      </c>
      <c r="T73" s="523">
        <v>1.9</v>
      </c>
      <c r="U73" s="461" t="s">
        <v>452</v>
      </c>
      <c r="V73" s="459">
        <v>14.3</v>
      </c>
      <c r="W73" s="459">
        <v>57</v>
      </c>
      <c r="X73" s="459">
        <v>28.7</v>
      </c>
      <c r="Y73" s="526">
        <v>46.97</v>
      </c>
      <c r="Z73" s="523">
        <v>201.2</v>
      </c>
      <c r="AA73" s="462"/>
    </row>
    <row r="74" spans="1:27" ht="12.6" customHeight="1">
      <c r="A74" s="483" t="s">
        <v>432</v>
      </c>
      <c r="B74" s="456">
        <v>5796</v>
      </c>
      <c r="C74" s="456">
        <v>337</v>
      </c>
      <c r="D74" s="456">
        <v>3059</v>
      </c>
      <c r="E74" s="456">
        <v>2285</v>
      </c>
      <c r="F74" s="456">
        <v>115</v>
      </c>
      <c r="G74" s="1131">
        <v>5911</v>
      </c>
      <c r="H74" s="525">
        <v>372</v>
      </c>
      <c r="I74" s="525">
        <v>3117</v>
      </c>
      <c r="J74" s="525">
        <v>2307</v>
      </c>
      <c r="K74" s="1156">
        <v>115</v>
      </c>
      <c r="L74" s="1159">
        <v>-115</v>
      </c>
      <c r="M74" s="520">
        <v>-35</v>
      </c>
      <c r="N74" s="520">
        <v>-58</v>
      </c>
      <c r="O74" s="520">
        <v>-22</v>
      </c>
      <c r="P74" s="447" t="s">
        <v>451</v>
      </c>
      <c r="Q74" s="521">
        <v>-1.9</v>
      </c>
      <c r="R74" s="522">
        <v>-9.4</v>
      </c>
      <c r="S74" s="522">
        <v>-1.9</v>
      </c>
      <c r="T74" s="523">
        <v>-1</v>
      </c>
      <c r="U74" s="461" t="s">
        <v>452</v>
      </c>
      <c r="V74" s="459">
        <v>5.9</v>
      </c>
      <c r="W74" s="459">
        <v>53.8</v>
      </c>
      <c r="X74" s="459">
        <v>40.200000000000003</v>
      </c>
      <c r="Y74" s="526">
        <v>53.4</v>
      </c>
      <c r="Z74" s="523">
        <v>678</v>
      </c>
      <c r="AA74" s="462"/>
    </row>
    <row r="75" spans="1:27" ht="12.6" customHeight="1">
      <c r="A75" s="483" t="s">
        <v>433</v>
      </c>
      <c r="B75" s="456">
        <v>3618</v>
      </c>
      <c r="C75" s="456">
        <v>239</v>
      </c>
      <c r="D75" s="456">
        <v>1749</v>
      </c>
      <c r="E75" s="456">
        <v>1629</v>
      </c>
      <c r="F75" s="456">
        <v>1</v>
      </c>
      <c r="G75" s="1131">
        <v>3684</v>
      </c>
      <c r="H75" s="525">
        <v>253</v>
      </c>
      <c r="I75" s="525">
        <v>1790</v>
      </c>
      <c r="J75" s="525">
        <v>1640</v>
      </c>
      <c r="K75" s="1156">
        <v>1</v>
      </c>
      <c r="L75" s="1159">
        <v>-66</v>
      </c>
      <c r="M75" s="520">
        <v>-14</v>
      </c>
      <c r="N75" s="520">
        <v>-41</v>
      </c>
      <c r="O75" s="520">
        <v>-11</v>
      </c>
      <c r="P75" s="447" t="s">
        <v>451</v>
      </c>
      <c r="Q75" s="521">
        <v>-1.8</v>
      </c>
      <c r="R75" s="522">
        <v>-5.5</v>
      </c>
      <c r="S75" s="522">
        <v>-2.2999999999999998</v>
      </c>
      <c r="T75" s="523">
        <v>-0.7</v>
      </c>
      <c r="U75" s="461" t="s">
        <v>452</v>
      </c>
      <c r="V75" s="459">
        <v>6.6</v>
      </c>
      <c r="W75" s="459">
        <v>48.4</v>
      </c>
      <c r="X75" s="459">
        <v>45</v>
      </c>
      <c r="Y75" s="526">
        <v>57.33</v>
      </c>
      <c r="Z75" s="523">
        <v>681.6</v>
      </c>
      <c r="AA75" s="462"/>
    </row>
    <row r="76" spans="1:27" ht="12.6" customHeight="1">
      <c r="A76" s="483" t="s">
        <v>434</v>
      </c>
      <c r="B76" s="456">
        <v>12704</v>
      </c>
      <c r="C76" s="456">
        <v>859</v>
      </c>
      <c r="D76" s="456">
        <v>5794</v>
      </c>
      <c r="E76" s="456">
        <v>5983</v>
      </c>
      <c r="F76" s="456">
        <v>68</v>
      </c>
      <c r="G76" s="1131">
        <v>12945</v>
      </c>
      <c r="H76" s="525">
        <v>918</v>
      </c>
      <c r="I76" s="525">
        <v>5993</v>
      </c>
      <c r="J76" s="525">
        <v>5966</v>
      </c>
      <c r="K76" s="1156">
        <v>68</v>
      </c>
      <c r="L76" s="1159">
        <v>-241</v>
      </c>
      <c r="M76" s="520">
        <v>-59</v>
      </c>
      <c r="N76" s="520">
        <v>-199</v>
      </c>
      <c r="O76" s="520">
        <v>17</v>
      </c>
      <c r="P76" s="447" t="s">
        <v>451</v>
      </c>
      <c r="Q76" s="521">
        <v>-1.9</v>
      </c>
      <c r="R76" s="522">
        <v>-6.4</v>
      </c>
      <c r="S76" s="522">
        <v>-3.3</v>
      </c>
      <c r="T76" s="523">
        <v>0.3</v>
      </c>
      <c r="U76" s="461" t="s">
        <v>452</v>
      </c>
      <c r="V76" s="459">
        <v>6.8</v>
      </c>
      <c r="W76" s="459">
        <v>45.9</v>
      </c>
      <c r="X76" s="459">
        <v>47.3</v>
      </c>
      <c r="Y76" s="526">
        <v>57.87</v>
      </c>
      <c r="Z76" s="523">
        <v>696.5</v>
      </c>
      <c r="AA76" s="462"/>
    </row>
    <row r="77" spans="1:27" ht="9" customHeight="1">
      <c r="A77" s="483"/>
      <c r="B77" s="456"/>
      <c r="C77" s="456"/>
      <c r="D77" s="456"/>
      <c r="E77" s="456"/>
      <c r="F77" s="456"/>
      <c r="G77" s="1130"/>
      <c r="H77" s="519"/>
      <c r="I77" s="519"/>
      <c r="J77" s="519"/>
      <c r="K77" s="1155"/>
      <c r="L77" s="1159"/>
      <c r="M77" s="520"/>
      <c r="N77" s="520"/>
      <c r="O77" s="520"/>
      <c r="P77" s="447"/>
      <c r="Q77" s="521"/>
      <c r="R77" s="522"/>
      <c r="S77" s="522"/>
      <c r="T77" s="523"/>
      <c r="U77" s="522"/>
      <c r="V77" s="522"/>
      <c r="W77" s="522"/>
      <c r="X77" s="522"/>
      <c r="Y77" s="526"/>
      <c r="Z77" s="523"/>
      <c r="AA77" s="462"/>
    </row>
    <row r="78" spans="1:27" ht="12.6" customHeight="1">
      <c r="A78" s="483"/>
      <c r="B78" s="456"/>
      <c r="C78" s="456"/>
      <c r="D78" s="456"/>
      <c r="E78" s="456"/>
      <c r="F78" s="456"/>
      <c r="G78" s="1131"/>
      <c r="H78" s="525" t="s">
        <v>455</v>
      </c>
      <c r="I78" s="525"/>
      <c r="J78" s="525"/>
      <c r="K78" s="1156"/>
      <c r="L78" s="1159"/>
      <c r="M78" s="520"/>
      <c r="N78" s="520"/>
      <c r="O78" s="520"/>
      <c r="P78" s="447"/>
      <c r="Q78" s="521"/>
      <c r="R78" s="522"/>
      <c r="S78" s="522"/>
      <c r="T78" s="523"/>
      <c r="U78" s="522"/>
      <c r="V78" s="522"/>
      <c r="W78" s="522"/>
      <c r="X78" s="522"/>
      <c r="Y78" s="526"/>
      <c r="Z78" s="523"/>
      <c r="AA78" s="462"/>
    </row>
    <row r="79" spans="1:27" ht="12.6" customHeight="1">
      <c r="A79" s="483"/>
      <c r="B79" s="456"/>
      <c r="C79" s="456"/>
      <c r="D79" s="456"/>
      <c r="E79" s="456"/>
      <c r="F79" s="456"/>
      <c r="G79" s="1131"/>
      <c r="H79" s="525"/>
      <c r="I79" s="525"/>
      <c r="J79" s="525"/>
      <c r="K79" s="1156"/>
      <c r="L79" s="1159"/>
      <c r="M79" s="520"/>
      <c r="N79" s="520"/>
      <c r="O79" s="520"/>
      <c r="P79" s="447"/>
      <c r="Q79" s="521"/>
      <c r="R79" s="522"/>
      <c r="S79" s="522"/>
      <c r="T79" s="523"/>
      <c r="U79" s="522"/>
      <c r="V79" s="522"/>
      <c r="W79" s="522"/>
      <c r="X79" s="522"/>
      <c r="Y79" s="526"/>
      <c r="Z79" s="523"/>
      <c r="AA79" s="462"/>
    </row>
    <row r="80" spans="1:27" ht="12.6" customHeight="1" thickBot="1">
      <c r="A80" s="484"/>
      <c r="B80" s="485"/>
      <c r="C80" s="485"/>
      <c r="D80" s="485"/>
      <c r="E80" s="485"/>
      <c r="F80" s="485"/>
      <c r="G80" s="1132"/>
      <c r="H80" s="533"/>
      <c r="I80" s="533"/>
      <c r="J80" s="533"/>
      <c r="K80" s="1157"/>
      <c r="L80" s="1160"/>
      <c r="M80" s="534"/>
      <c r="N80" s="534"/>
      <c r="O80" s="534"/>
      <c r="P80" s="487"/>
      <c r="Q80" s="535"/>
      <c r="R80" s="536"/>
      <c r="S80" s="536"/>
      <c r="T80" s="537"/>
      <c r="U80" s="536"/>
      <c r="V80" s="536"/>
      <c r="W80" s="536"/>
      <c r="X80" s="536"/>
      <c r="Y80" s="538"/>
      <c r="Z80" s="537"/>
      <c r="AA80" s="462"/>
    </row>
    <row r="81" spans="1:26" ht="15.95" customHeight="1" thickTop="1">
      <c r="A81" s="296" t="s">
        <v>436</v>
      </c>
      <c r="B81" s="539"/>
      <c r="C81" s="539"/>
      <c r="D81" s="539"/>
      <c r="E81" s="539"/>
      <c r="F81" s="539"/>
      <c r="G81" s="539"/>
      <c r="H81" s="539"/>
      <c r="I81" s="539"/>
      <c r="J81" s="539"/>
      <c r="K81" s="539"/>
      <c r="L81" s="539"/>
      <c r="M81" s="539"/>
      <c r="N81" s="539"/>
      <c r="O81" s="539"/>
      <c r="P81" s="539"/>
      <c r="Q81" s="540"/>
      <c r="R81" s="540"/>
      <c r="S81" s="540"/>
      <c r="T81" s="540"/>
      <c r="U81" s="540"/>
      <c r="V81" s="540"/>
      <c r="W81" s="540"/>
      <c r="X81" s="540"/>
      <c r="Y81" s="541"/>
      <c r="Z81" s="541"/>
    </row>
  </sheetData>
  <mergeCells count="5">
    <mergeCell ref="B2:F2"/>
    <mergeCell ref="G2:K2"/>
    <mergeCell ref="L2:O2"/>
    <mergeCell ref="Q2:T2"/>
    <mergeCell ref="U2:X2"/>
  </mergeCells>
  <phoneticPr fontId="2"/>
  <printOptions horizontalCentered="1" gridLinesSet="0"/>
  <pageMargins left="0.59055118110236227" right="0.59055118110236227" top="0.59055118110236227" bottom="0.59055118110236227" header="0" footer="0"/>
  <pageSetup paperSize="9" scale="82" fitToWidth="0" orientation="portrait" blackAndWhite="1" r:id="rId1"/>
  <headerFooter differentOddEven="1" scaleWithDoc="0" alignWithMargins="0">
    <oddFooter xml:space="preserve">&amp;C&amp;"ＭＳ ゴシック,太字"&amp;10-20- </oddFooter>
    <evenFooter xml:space="preserve">&amp;C&amp;"ＭＳ ゴシック,太字"&amp;10-21- </even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65"/>
  <sheetViews>
    <sheetView zoomScaleNormal="100" zoomScaleSheetLayoutView="100" workbookViewId="0"/>
  </sheetViews>
  <sheetFormatPr defaultRowHeight="11.25"/>
  <cols>
    <col min="1" max="1" width="3.625" style="423" customWidth="1"/>
    <col min="2" max="2" width="10" style="423" customWidth="1"/>
    <col min="3" max="3" width="9.875" style="423" customWidth="1"/>
    <col min="4" max="4" width="3.5" style="423" customWidth="1"/>
    <col min="5" max="5" width="9.5" style="423" customWidth="1"/>
    <col min="6" max="6" width="8.75" style="423" customWidth="1"/>
    <col min="7" max="7" width="7" style="423" customWidth="1"/>
    <col min="8" max="8" width="7.5" style="423" customWidth="1"/>
    <col min="9" max="9" width="8.75" style="423" customWidth="1"/>
    <col min="10" max="11" width="8" style="423" customWidth="1"/>
    <col min="12" max="16384" width="9" style="423"/>
  </cols>
  <sheetData>
    <row r="1" spans="1:11" ht="17.25">
      <c r="A1" s="542" t="s">
        <v>456</v>
      </c>
      <c r="B1" s="543"/>
      <c r="C1" s="543"/>
      <c r="D1" s="543"/>
      <c r="K1" s="544"/>
    </row>
    <row r="2" spans="1:11">
      <c r="K2" s="544"/>
    </row>
    <row r="3" spans="1:11" ht="21" customHeight="1" thickBot="1">
      <c r="A3" s="545" t="s">
        <v>457</v>
      </c>
      <c r="B3" s="546"/>
      <c r="C3" s="547"/>
      <c r="D3" s="547"/>
      <c r="E3" s="547"/>
    </row>
    <row r="4" spans="1:11" ht="12" customHeight="1" thickTop="1">
      <c r="A4" s="548"/>
      <c r="B4" s="548"/>
      <c r="C4" s="549"/>
      <c r="D4" s="548"/>
      <c r="E4" s="548"/>
      <c r="F4" s="548"/>
      <c r="G4" s="548"/>
      <c r="H4" s="548"/>
      <c r="I4" s="548"/>
      <c r="J4" s="548"/>
      <c r="K4" s="548"/>
    </row>
    <row r="5" spans="1:11" ht="12" customHeight="1">
      <c r="A5" s="550" t="s">
        <v>458</v>
      </c>
      <c r="B5" s="551"/>
      <c r="C5" s="1289" t="s">
        <v>274</v>
      </c>
      <c r="D5" s="1291" t="s">
        <v>459</v>
      </c>
      <c r="E5" s="1292"/>
      <c r="F5" s="552"/>
      <c r="G5" s="553"/>
      <c r="H5" s="554"/>
      <c r="I5" s="552"/>
      <c r="J5" s="553"/>
      <c r="K5" s="553"/>
    </row>
    <row r="6" spans="1:11" ht="12" customHeight="1">
      <c r="A6" s="1293" t="s">
        <v>460</v>
      </c>
      <c r="B6" s="1293"/>
      <c r="C6" s="1290"/>
      <c r="D6" s="555"/>
      <c r="E6" s="556"/>
      <c r="F6" s="557" t="s">
        <v>461</v>
      </c>
      <c r="G6" s="558" t="s">
        <v>462</v>
      </c>
      <c r="H6" s="558" t="s">
        <v>463</v>
      </c>
      <c r="I6" s="559" t="s">
        <v>464</v>
      </c>
      <c r="J6" s="560" t="s">
        <v>465</v>
      </c>
      <c r="K6" s="560" t="s">
        <v>466</v>
      </c>
    </row>
    <row r="7" spans="1:11" ht="12" customHeight="1">
      <c r="A7" s="551"/>
      <c r="B7" s="551"/>
      <c r="C7" s="561"/>
      <c r="D7" s="1294" t="s">
        <v>467</v>
      </c>
      <c r="E7" s="1295"/>
      <c r="F7" s="557" t="s">
        <v>468</v>
      </c>
      <c r="G7" s="557" t="s">
        <v>469</v>
      </c>
      <c r="H7" s="562" t="s">
        <v>470</v>
      </c>
      <c r="I7" s="559" t="s">
        <v>471</v>
      </c>
      <c r="J7" s="559" t="s">
        <v>472</v>
      </c>
      <c r="K7" s="557" t="s">
        <v>473</v>
      </c>
    </row>
    <row r="8" spans="1:11" ht="12" customHeight="1">
      <c r="A8" s="554"/>
      <c r="B8" s="563" t="s">
        <v>213</v>
      </c>
      <c r="C8" s="564"/>
      <c r="D8" s="564"/>
      <c r="E8" s="565" t="s">
        <v>212</v>
      </c>
      <c r="F8" s="566" t="s">
        <v>212</v>
      </c>
      <c r="G8" s="567" t="s">
        <v>212</v>
      </c>
      <c r="H8" s="568" t="s">
        <v>212</v>
      </c>
      <c r="I8" s="568" t="s">
        <v>212</v>
      </c>
      <c r="J8" s="565" t="s">
        <v>212</v>
      </c>
      <c r="K8" s="566" t="s">
        <v>212</v>
      </c>
    </row>
    <row r="9" spans="1:11" ht="12" customHeight="1">
      <c r="A9" s="569"/>
      <c r="B9" s="570">
        <v>9201825</v>
      </c>
      <c r="C9" s="561" t="s">
        <v>214</v>
      </c>
      <c r="D9" s="561"/>
      <c r="E9" s="570">
        <v>20200</v>
      </c>
      <c r="F9" s="570">
        <v>-19600</v>
      </c>
      <c r="G9" s="570">
        <v>64905</v>
      </c>
      <c r="H9" s="570">
        <v>84505</v>
      </c>
      <c r="I9" s="570">
        <v>39800</v>
      </c>
      <c r="J9" s="570">
        <v>514781</v>
      </c>
      <c r="K9" s="570">
        <v>474981</v>
      </c>
    </row>
    <row r="10" spans="1:11" ht="12" customHeight="1">
      <c r="A10" s="559"/>
      <c r="B10" s="571"/>
      <c r="C10" s="572"/>
      <c r="D10" s="573"/>
      <c r="E10" s="574"/>
      <c r="F10" s="575"/>
      <c r="G10" s="575"/>
      <c r="H10" s="575"/>
      <c r="I10" s="575"/>
      <c r="J10" s="575"/>
      <c r="K10" s="571"/>
    </row>
    <row r="11" spans="1:11" ht="12" customHeight="1">
      <c r="A11" s="576"/>
      <c r="B11" s="577">
        <v>346881</v>
      </c>
      <c r="C11" s="578" t="s">
        <v>215</v>
      </c>
      <c r="D11" s="578"/>
      <c r="E11" s="577">
        <v>65353</v>
      </c>
      <c r="F11" s="577">
        <v>64738</v>
      </c>
      <c r="G11" s="577">
        <v>64905</v>
      </c>
      <c r="H11" s="577">
        <v>167</v>
      </c>
      <c r="I11" s="577">
        <v>615</v>
      </c>
      <c r="J11" s="577">
        <v>26908</v>
      </c>
      <c r="K11" s="577">
        <v>26293</v>
      </c>
    </row>
    <row r="12" spans="1:11" ht="12" customHeight="1">
      <c r="A12" s="569" t="s">
        <v>276</v>
      </c>
      <c r="B12" s="577">
        <v>365929</v>
      </c>
      <c r="C12" s="578" t="s">
        <v>474</v>
      </c>
      <c r="D12" s="579" t="s">
        <v>251</v>
      </c>
      <c r="E12" s="577">
        <v>25</v>
      </c>
      <c r="F12" s="577">
        <v>-20</v>
      </c>
      <c r="G12" s="580" t="s">
        <v>44</v>
      </c>
      <c r="H12" s="577">
        <v>20</v>
      </c>
      <c r="I12" s="577">
        <v>45</v>
      </c>
      <c r="J12" s="577">
        <v>13356</v>
      </c>
      <c r="K12" s="577">
        <v>13311</v>
      </c>
    </row>
    <row r="13" spans="1:11" ht="12" customHeight="1">
      <c r="A13" s="576"/>
      <c r="B13" s="577">
        <v>381592</v>
      </c>
      <c r="C13" s="578" t="s">
        <v>475</v>
      </c>
      <c r="D13" s="581"/>
      <c r="E13" s="577">
        <v>693</v>
      </c>
      <c r="F13" s="577">
        <v>-32</v>
      </c>
      <c r="G13" s="580" t="s">
        <v>44</v>
      </c>
      <c r="H13" s="577">
        <v>32</v>
      </c>
      <c r="I13" s="577">
        <v>725</v>
      </c>
      <c r="J13" s="577">
        <v>7704</v>
      </c>
      <c r="K13" s="577">
        <v>6979</v>
      </c>
    </row>
    <row r="14" spans="1:11" ht="12" customHeight="1">
      <c r="A14" s="569" t="s">
        <v>278</v>
      </c>
      <c r="B14" s="577">
        <v>414305</v>
      </c>
      <c r="C14" s="578" t="s">
        <v>476</v>
      </c>
      <c r="D14" s="579" t="s">
        <v>253</v>
      </c>
      <c r="E14" s="577">
        <v>7241</v>
      </c>
      <c r="F14" s="577">
        <v>-89</v>
      </c>
      <c r="G14" s="580" t="s">
        <v>44</v>
      </c>
      <c r="H14" s="577">
        <v>89</v>
      </c>
      <c r="I14" s="577">
        <v>7330</v>
      </c>
      <c r="J14" s="577">
        <v>21311</v>
      </c>
      <c r="K14" s="577">
        <v>13981</v>
      </c>
    </row>
    <row r="15" spans="1:11" ht="12" customHeight="1">
      <c r="A15" s="576"/>
      <c r="B15" s="577">
        <v>506863</v>
      </c>
      <c r="C15" s="582" t="s">
        <v>477</v>
      </c>
      <c r="D15" s="581"/>
      <c r="E15" s="575">
        <v>16468</v>
      </c>
      <c r="F15" s="577">
        <v>-142</v>
      </c>
      <c r="G15" s="583" t="s">
        <v>44</v>
      </c>
      <c r="H15" s="571">
        <v>142</v>
      </c>
      <c r="I15" s="571">
        <v>16610</v>
      </c>
      <c r="J15" s="571">
        <v>87536</v>
      </c>
      <c r="K15" s="571">
        <v>70926</v>
      </c>
    </row>
    <row r="16" spans="1:11" ht="12" customHeight="1">
      <c r="A16" s="569">
        <v>2</v>
      </c>
      <c r="B16" s="584">
        <v>505423</v>
      </c>
      <c r="C16" s="578" t="s">
        <v>478</v>
      </c>
      <c r="D16" s="579">
        <v>31</v>
      </c>
      <c r="E16" s="577">
        <v>6642</v>
      </c>
      <c r="F16" s="584">
        <v>-157</v>
      </c>
      <c r="G16" s="580" t="s">
        <v>44</v>
      </c>
      <c r="H16" s="577">
        <v>157</v>
      </c>
      <c r="I16" s="577">
        <v>6799</v>
      </c>
      <c r="J16" s="577">
        <v>105598</v>
      </c>
      <c r="K16" s="577">
        <v>98799</v>
      </c>
    </row>
    <row r="17" spans="1:11" ht="12" customHeight="1">
      <c r="A17" s="576"/>
      <c r="B17" s="577">
        <v>506076</v>
      </c>
      <c r="C17" s="578" t="s">
        <v>479</v>
      </c>
      <c r="D17" s="581"/>
      <c r="E17" s="577">
        <v>2023</v>
      </c>
      <c r="F17" s="577">
        <v>-214</v>
      </c>
      <c r="G17" s="580" t="s">
        <v>44</v>
      </c>
      <c r="H17" s="577">
        <v>214</v>
      </c>
      <c r="I17" s="577">
        <v>2237</v>
      </c>
      <c r="J17" s="577">
        <v>73409</v>
      </c>
      <c r="K17" s="577">
        <v>71172</v>
      </c>
    </row>
    <row r="18" spans="1:11" ht="12" customHeight="1">
      <c r="A18" s="569" t="s">
        <v>224</v>
      </c>
      <c r="B18" s="577">
        <v>570638</v>
      </c>
      <c r="C18" s="578" t="s">
        <v>480</v>
      </c>
      <c r="D18" s="579" t="s">
        <v>481</v>
      </c>
      <c r="E18" s="577">
        <v>1221</v>
      </c>
      <c r="F18" s="577">
        <v>-308</v>
      </c>
      <c r="G18" s="580" t="s">
        <v>44</v>
      </c>
      <c r="H18" s="577">
        <v>308</v>
      </c>
      <c r="I18" s="577">
        <v>1529</v>
      </c>
      <c r="J18" s="577">
        <v>47745</v>
      </c>
      <c r="K18" s="577">
        <v>46216</v>
      </c>
    </row>
    <row r="19" spans="1:11" ht="12" customHeight="1">
      <c r="A19" s="576"/>
      <c r="B19" s="577">
        <v>662764</v>
      </c>
      <c r="C19" s="578" t="s">
        <v>482</v>
      </c>
      <c r="D19" s="581"/>
      <c r="E19" s="577">
        <v>364</v>
      </c>
      <c r="F19" s="577">
        <v>-540</v>
      </c>
      <c r="G19" s="580" t="s">
        <v>44</v>
      </c>
      <c r="H19" s="577">
        <v>540</v>
      </c>
      <c r="I19" s="577">
        <v>904</v>
      </c>
      <c r="J19" s="577">
        <v>31841</v>
      </c>
      <c r="K19" s="577">
        <v>30937</v>
      </c>
    </row>
    <row r="20" spans="1:11" ht="12" customHeight="1">
      <c r="A20" s="569">
        <v>1</v>
      </c>
      <c r="B20" s="577">
        <v>783639</v>
      </c>
      <c r="C20" s="582" t="s">
        <v>483</v>
      </c>
      <c r="D20" s="579" t="s">
        <v>276</v>
      </c>
      <c r="E20" s="571">
        <v>-82</v>
      </c>
      <c r="F20" s="571">
        <v>-991</v>
      </c>
      <c r="G20" s="583" t="s">
        <v>44</v>
      </c>
      <c r="H20" s="571">
        <v>991</v>
      </c>
      <c r="I20" s="571">
        <v>909</v>
      </c>
      <c r="J20" s="571">
        <v>25548</v>
      </c>
      <c r="K20" s="571">
        <v>24639</v>
      </c>
    </row>
    <row r="21" spans="1:11" ht="12" customHeight="1">
      <c r="A21" s="576"/>
      <c r="B21" s="584">
        <v>703176</v>
      </c>
      <c r="C21" s="578" t="s">
        <v>484</v>
      </c>
      <c r="D21" s="578"/>
      <c r="E21" s="577">
        <v>-1037</v>
      </c>
      <c r="F21" s="577">
        <v>-1459</v>
      </c>
      <c r="G21" s="580" t="s">
        <v>44</v>
      </c>
      <c r="H21" s="577">
        <v>1459</v>
      </c>
      <c r="I21" s="577">
        <v>422</v>
      </c>
      <c r="J21" s="577">
        <v>19145</v>
      </c>
      <c r="K21" s="577">
        <v>18723</v>
      </c>
    </row>
    <row r="22" spans="1:11" ht="12" customHeight="1">
      <c r="A22" s="569" t="s">
        <v>227</v>
      </c>
      <c r="B22" s="577">
        <v>574414</v>
      </c>
      <c r="C22" s="578" t="s">
        <v>485</v>
      </c>
      <c r="D22" s="579" t="s">
        <v>278</v>
      </c>
      <c r="E22" s="577">
        <v>-1964</v>
      </c>
      <c r="F22" s="577">
        <v>-1950</v>
      </c>
      <c r="G22" s="580" t="s">
        <v>44</v>
      </c>
      <c r="H22" s="577">
        <v>1950</v>
      </c>
      <c r="I22" s="577">
        <v>-14</v>
      </c>
      <c r="J22" s="577">
        <v>13341</v>
      </c>
      <c r="K22" s="577">
        <v>13355</v>
      </c>
    </row>
    <row r="23" spans="1:11" ht="12" customHeight="1">
      <c r="A23" s="569"/>
      <c r="B23" s="577">
        <v>485502</v>
      </c>
      <c r="C23" s="578" t="s">
        <v>486</v>
      </c>
      <c r="D23" s="578"/>
      <c r="E23" s="577">
        <v>-3020</v>
      </c>
      <c r="F23" s="577">
        <v>-2626</v>
      </c>
      <c r="G23" s="580" t="s">
        <v>44</v>
      </c>
      <c r="H23" s="577">
        <v>2626</v>
      </c>
      <c r="I23" s="577">
        <v>-394</v>
      </c>
      <c r="J23" s="577">
        <v>9488</v>
      </c>
      <c r="K23" s="577">
        <v>9882</v>
      </c>
    </row>
    <row r="24" spans="1:11" ht="12" customHeight="1">
      <c r="A24" s="569">
        <v>1</v>
      </c>
      <c r="B24" s="577">
        <v>536795</v>
      </c>
      <c r="C24" s="578" t="s">
        <v>487</v>
      </c>
      <c r="D24" s="579" t="s">
        <v>488</v>
      </c>
      <c r="E24" s="577">
        <v>-4966</v>
      </c>
      <c r="F24" s="577">
        <v>-4601</v>
      </c>
      <c r="G24" s="580" t="s">
        <v>44</v>
      </c>
      <c r="H24" s="577">
        <v>4601</v>
      </c>
      <c r="I24" s="577">
        <v>-365</v>
      </c>
      <c r="J24" s="577">
        <v>7582</v>
      </c>
      <c r="K24" s="577">
        <v>7947</v>
      </c>
    </row>
    <row r="25" spans="1:11" ht="12" customHeight="1">
      <c r="A25" s="576"/>
      <c r="B25" s="577">
        <v>583820</v>
      </c>
      <c r="C25" s="582" t="s">
        <v>489</v>
      </c>
      <c r="D25" s="585"/>
      <c r="E25" s="571">
        <v>-7540</v>
      </c>
      <c r="F25" s="571">
        <v>-7743</v>
      </c>
      <c r="G25" s="583" t="s">
        <v>44</v>
      </c>
      <c r="H25" s="571">
        <v>7743</v>
      </c>
      <c r="I25" s="571">
        <v>203</v>
      </c>
      <c r="J25" s="571">
        <v>6745</v>
      </c>
      <c r="K25" s="571">
        <v>6542</v>
      </c>
    </row>
    <row r="26" spans="1:11" ht="12" customHeight="1">
      <c r="A26" s="569" t="s">
        <v>230</v>
      </c>
      <c r="B26" s="584">
        <v>498335</v>
      </c>
      <c r="C26" s="578" t="s">
        <v>490</v>
      </c>
      <c r="D26" s="579" t="s">
        <v>224</v>
      </c>
      <c r="E26" s="577">
        <v>-10388</v>
      </c>
      <c r="F26" s="577">
        <v>-10781</v>
      </c>
      <c r="G26" s="580" t="s">
        <v>44</v>
      </c>
      <c r="H26" s="577">
        <v>10781</v>
      </c>
      <c r="I26" s="577">
        <v>393</v>
      </c>
      <c r="J26" s="577">
        <v>5521</v>
      </c>
      <c r="K26" s="577">
        <v>5128</v>
      </c>
    </row>
    <row r="27" spans="1:11" ht="12" customHeight="1">
      <c r="A27" s="576"/>
      <c r="B27" s="577">
        <v>347805</v>
      </c>
      <c r="C27" s="578" t="s">
        <v>491</v>
      </c>
      <c r="D27" s="585"/>
      <c r="E27" s="577">
        <v>-13435</v>
      </c>
      <c r="F27" s="577">
        <v>-14032</v>
      </c>
      <c r="G27" s="580" t="s">
        <v>44</v>
      </c>
      <c r="H27" s="577">
        <v>14032</v>
      </c>
      <c r="I27" s="577">
        <v>597</v>
      </c>
      <c r="J27" s="577">
        <v>4826</v>
      </c>
      <c r="K27" s="577">
        <v>4229</v>
      </c>
    </row>
    <row r="28" spans="1:11" ht="12" customHeight="1">
      <c r="A28" s="569" t="s">
        <v>232</v>
      </c>
      <c r="B28" s="577">
        <v>214991</v>
      </c>
      <c r="C28" s="578" t="s">
        <v>492</v>
      </c>
      <c r="D28" s="579" t="s">
        <v>493</v>
      </c>
      <c r="E28" s="577">
        <v>-15565</v>
      </c>
      <c r="F28" s="577">
        <v>-16291</v>
      </c>
      <c r="G28" s="580" t="s">
        <v>44</v>
      </c>
      <c r="H28" s="577">
        <v>16291</v>
      </c>
      <c r="I28" s="577">
        <v>726</v>
      </c>
      <c r="J28" s="577">
        <v>4167</v>
      </c>
      <c r="K28" s="577">
        <v>3441</v>
      </c>
    </row>
    <row r="29" spans="1:11" ht="12" customHeight="1">
      <c r="A29" s="576"/>
      <c r="B29" s="577">
        <v>98279</v>
      </c>
      <c r="C29" s="578" t="s">
        <v>494</v>
      </c>
      <c r="D29" s="578"/>
      <c r="E29" s="577">
        <v>-13520</v>
      </c>
      <c r="F29" s="577">
        <v>-13920</v>
      </c>
      <c r="G29" s="580" t="s">
        <v>44</v>
      </c>
      <c r="H29" s="577">
        <v>13920</v>
      </c>
      <c r="I29" s="577">
        <v>400</v>
      </c>
      <c r="J29" s="577">
        <v>2287</v>
      </c>
      <c r="K29" s="577">
        <v>1887</v>
      </c>
    </row>
    <row r="30" spans="1:11" ht="12" customHeight="1">
      <c r="A30" s="569" t="s">
        <v>234</v>
      </c>
      <c r="B30" s="577">
        <v>26895</v>
      </c>
      <c r="C30" s="582" t="s">
        <v>495</v>
      </c>
      <c r="D30" s="578"/>
      <c r="E30" s="571">
        <v>-6488</v>
      </c>
      <c r="F30" s="571">
        <v>-6600</v>
      </c>
      <c r="G30" s="583" t="s">
        <v>44</v>
      </c>
      <c r="H30" s="571">
        <v>6600</v>
      </c>
      <c r="I30" s="571">
        <v>112</v>
      </c>
      <c r="J30" s="571">
        <v>652</v>
      </c>
      <c r="K30" s="571">
        <v>540</v>
      </c>
    </row>
    <row r="31" spans="1:11" ht="12" customHeight="1">
      <c r="A31" s="576"/>
      <c r="B31" s="586">
        <v>4777</v>
      </c>
      <c r="C31" s="582" t="s">
        <v>496</v>
      </c>
      <c r="D31" s="578"/>
      <c r="E31" s="587">
        <v>-1825</v>
      </c>
      <c r="F31" s="587">
        <v>-1842</v>
      </c>
      <c r="G31" s="588" t="s">
        <v>44</v>
      </c>
      <c r="H31" s="587">
        <v>1842</v>
      </c>
      <c r="I31" s="587">
        <v>17</v>
      </c>
      <c r="J31" s="587">
        <v>71</v>
      </c>
      <c r="K31" s="587">
        <v>54</v>
      </c>
    </row>
    <row r="32" spans="1:11" ht="12" customHeight="1">
      <c r="A32" s="576"/>
      <c r="B32" s="589">
        <v>82926</v>
      </c>
      <c r="C32" s="561" t="s">
        <v>128</v>
      </c>
      <c r="D32" s="561"/>
      <c r="E32" s="590" t="s">
        <v>44</v>
      </c>
      <c r="F32" s="590" t="s">
        <v>44</v>
      </c>
      <c r="G32" s="590" t="s">
        <v>44</v>
      </c>
      <c r="H32" s="590" t="s">
        <v>44</v>
      </c>
      <c r="I32" s="590" t="s">
        <v>44</v>
      </c>
      <c r="J32" s="590" t="s">
        <v>44</v>
      </c>
      <c r="K32" s="580" t="s">
        <v>44</v>
      </c>
    </row>
    <row r="33" spans="1:11" ht="12" customHeight="1">
      <c r="A33" s="576"/>
      <c r="B33" s="591">
        <v>1094402</v>
      </c>
      <c r="C33" s="592" t="s">
        <v>497</v>
      </c>
      <c r="D33" s="578"/>
      <c r="E33" s="591">
        <v>66071</v>
      </c>
      <c r="F33" s="591">
        <v>64686</v>
      </c>
      <c r="G33" s="591">
        <v>64905</v>
      </c>
      <c r="H33" s="591">
        <v>219</v>
      </c>
      <c r="I33" s="591">
        <v>1385</v>
      </c>
      <c r="J33" s="591">
        <v>47968</v>
      </c>
      <c r="K33" s="593">
        <v>46583</v>
      </c>
    </row>
    <row r="34" spans="1:11" ht="12" customHeight="1">
      <c r="A34" s="576"/>
      <c r="B34" s="577">
        <v>5712800</v>
      </c>
      <c r="C34" s="578" t="s">
        <v>498</v>
      </c>
      <c r="D34" s="578"/>
      <c r="E34" s="577">
        <v>27856</v>
      </c>
      <c r="F34" s="577">
        <v>-8476</v>
      </c>
      <c r="G34" s="590" t="s">
        <v>44</v>
      </c>
      <c r="H34" s="577">
        <v>8476</v>
      </c>
      <c r="I34" s="577">
        <v>36332</v>
      </c>
      <c r="J34" s="577">
        <v>434962</v>
      </c>
      <c r="K34" s="577">
        <v>398630</v>
      </c>
    </row>
    <row r="35" spans="1:11" ht="12" customHeight="1" thickBot="1">
      <c r="A35" s="594"/>
      <c r="B35" s="595">
        <v>2311697</v>
      </c>
      <c r="C35" s="596" t="s">
        <v>499</v>
      </c>
      <c r="D35" s="596"/>
      <c r="E35" s="595">
        <v>-73727</v>
      </c>
      <c r="F35" s="595">
        <v>-75810</v>
      </c>
      <c r="G35" s="597" t="s">
        <v>44</v>
      </c>
      <c r="H35" s="595">
        <v>75810</v>
      </c>
      <c r="I35" s="595">
        <v>2083</v>
      </c>
      <c r="J35" s="595">
        <v>31851</v>
      </c>
      <c r="K35" s="595">
        <v>29768</v>
      </c>
    </row>
    <row r="36" spans="1:11" ht="12" customHeight="1" thickTop="1">
      <c r="A36" s="576"/>
      <c r="B36" s="598" t="s">
        <v>213</v>
      </c>
      <c r="C36" s="599"/>
      <c r="D36" s="573"/>
      <c r="E36" s="600" t="s">
        <v>212</v>
      </c>
      <c r="F36" s="601" t="s">
        <v>212</v>
      </c>
      <c r="G36" s="602" t="s">
        <v>212</v>
      </c>
      <c r="H36" s="603" t="s">
        <v>212</v>
      </c>
      <c r="I36" s="603" t="s">
        <v>212</v>
      </c>
      <c r="J36" s="600" t="s">
        <v>212</v>
      </c>
      <c r="K36" s="601" t="s">
        <v>212</v>
      </c>
    </row>
    <row r="37" spans="1:11" s="608" customFormat="1" ht="12" customHeight="1">
      <c r="A37" s="569"/>
      <c r="B37" s="604">
        <v>9181625</v>
      </c>
      <c r="C37" s="605" t="s">
        <v>214</v>
      </c>
      <c r="D37" s="561"/>
      <c r="E37" s="606">
        <v>18346</v>
      </c>
      <c r="F37" s="606">
        <v>-14771</v>
      </c>
      <c r="G37" s="606">
        <v>68228</v>
      </c>
      <c r="H37" s="606">
        <v>82999</v>
      </c>
      <c r="I37" s="606">
        <v>33117</v>
      </c>
      <c r="J37" s="606">
        <v>507579</v>
      </c>
      <c r="K37" s="607">
        <v>474462</v>
      </c>
    </row>
    <row r="38" spans="1:11" ht="12" customHeight="1">
      <c r="A38" s="559"/>
      <c r="B38" s="609"/>
      <c r="C38" s="610"/>
      <c r="D38" s="573"/>
      <c r="E38" s="611"/>
      <c r="F38" s="611"/>
      <c r="G38" s="611"/>
      <c r="H38" s="611"/>
      <c r="I38" s="611"/>
      <c r="J38" s="611"/>
      <c r="K38" s="612"/>
    </row>
    <row r="39" spans="1:11" ht="12" customHeight="1">
      <c r="A39" s="576"/>
      <c r="B39" s="613">
        <v>352310</v>
      </c>
      <c r="C39" s="614" t="s">
        <v>247</v>
      </c>
      <c r="D39" s="578"/>
      <c r="E39" s="590">
        <v>68221</v>
      </c>
      <c r="F39" s="590">
        <v>68051</v>
      </c>
      <c r="G39" s="590">
        <v>68228</v>
      </c>
      <c r="H39" s="590">
        <v>177</v>
      </c>
      <c r="I39" s="590">
        <v>170</v>
      </c>
      <c r="J39" s="590">
        <v>27501</v>
      </c>
      <c r="K39" s="580">
        <v>27331</v>
      </c>
    </row>
    <row r="40" spans="1:11" ht="12" customHeight="1">
      <c r="A40" s="569" t="s">
        <v>251</v>
      </c>
      <c r="B40" s="615">
        <v>370662</v>
      </c>
      <c r="C40" s="578" t="s">
        <v>248</v>
      </c>
      <c r="D40" s="579" t="s">
        <v>251</v>
      </c>
      <c r="E40" s="590">
        <v>-263</v>
      </c>
      <c r="F40" s="590">
        <v>-29</v>
      </c>
      <c r="G40" s="590" t="s">
        <v>44</v>
      </c>
      <c r="H40" s="590">
        <v>29</v>
      </c>
      <c r="I40" s="590">
        <v>-234</v>
      </c>
      <c r="J40" s="590">
        <v>13453</v>
      </c>
      <c r="K40" s="580">
        <v>13687</v>
      </c>
    </row>
    <row r="41" spans="1:11" ht="12" customHeight="1">
      <c r="A41" s="576"/>
      <c r="B41" s="615">
        <v>383169</v>
      </c>
      <c r="C41" s="578" t="s">
        <v>249</v>
      </c>
      <c r="D41" s="581"/>
      <c r="E41" s="590">
        <v>673</v>
      </c>
      <c r="F41" s="590">
        <v>-34</v>
      </c>
      <c r="G41" s="590" t="s">
        <v>44</v>
      </c>
      <c r="H41" s="590">
        <v>34</v>
      </c>
      <c r="I41" s="590">
        <v>707</v>
      </c>
      <c r="J41" s="590">
        <v>7770</v>
      </c>
      <c r="K41" s="580">
        <v>7063</v>
      </c>
    </row>
    <row r="42" spans="1:11" ht="12" customHeight="1">
      <c r="A42" s="569" t="s">
        <v>253</v>
      </c>
      <c r="B42" s="615">
        <v>418266</v>
      </c>
      <c r="C42" s="578" t="s">
        <v>250</v>
      </c>
      <c r="D42" s="579" t="s">
        <v>253</v>
      </c>
      <c r="E42" s="590">
        <v>7271</v>
      </c>
      <c r="F42" s="590">
        <v>-81</v>
      </c>
      <c r="G42" s="590" t="s">
        <v>44</v>
      </c>
      <c r="H42" s="590">
        <v>81</v>
      </c>
      <c r="I42" s="590">
        <v>7352</v>
      </c>
      <c r="J42" s="590">
        <v>21007</v>
      </c>
      <c r="K42" s="580">
        <v>13655</v>
      </c>
    </row>
    <row r="43" spans="1:11" ht="12" customHeight="1">
      <c r="A43" s="576"/>
      <c r="B43" s="616">
        <v>509240</v>
      </c>
      <c r="C43" s="582" t="s">
        <v>252</v>
      </c>
      <c r="D43" s="581"/>
      <c r="E43" s="617">
        <v>15417</v>
      </c>
      <c r="F43" s="617">
        <v>-132</v>
      </c>
      <c r="G43" s="617" t="s">
        <v>44</v>
      </c>
      <c r="H43" s="617">
        <v>132</v>
      </c>
      <c r="I43" s="617">
        <v>15549</v>
      </c>
      <c r="J43" s="617">
        <v>83380</v>
      </c>
      <c r="K43" s="583">
        <v>67831</v>
      </c>
    </row>
    <row r="44" spans="1:11" ht="12" customHeight="1">
      <c r="A44" s="569">
        <v>31</v>
      </c>
      <c r="B44" s="613">
        <v>486089</v>
      </c>
      <c r="C44" s="578" t="s">
        <v>254</v>
      </c>
      <c r="D44" s="579">
        <v>30</v>
      </c>
      <c r="E44" s="590">
        <v>4802</v>
      </c>
      <c r="F44" s="590">
        <v>-155</v>
      </c>
      <c r="G44" s="590" t="s">
        <v>44</v>
      </c>
      <c r="H44" s="590">
        <v>155</v>
      </c>
      <c r="I44" s="590">
        <v>4957</v>
      </c>
      <c r="J44" s="590">
        <v>101285</v>
      </c>
      <c r="K44" s="580">
        <v>96328</v>
      </c>
    </row>
    <row r="45" spans="1:11" ht="12" customHeight="1">
      <c r="A45" s="576"/>
      <c r="B45" s="615">
        <v>519961</v>
      </c>
      <c r="C45" s="578" t="s">
        <v>255</v>
      </c>
      <c r="D45" s="581"/>
      <c r="E45" s="590">
        <v>1395</v>
      </c>
      <c r="F45" s="590">
        <v>-212</v>
      </c>
      <c r="G45" s="590" t="s">
        <v>44</v>
      </c>
      <c r="H45" s="590">
        <v>212</v>
      </c>
      <c r="I45" s="590">
        <v>1607</v>
      </c>
      <c r="J45" s="590">
        <v>74272</v>
      </c>
      <c r="K45" s="580">
        <v>72665</v>
      </c>
    </row>
    <row r="46" spans="1:11" ht="12" customHeight="1">
      <c r="A46" s="569" t="s">
        <v>224</v>
      </c>
      <c r="B46" s="615">
        <v>582058</v>
      </c>
      <c r="C46" s="578" t="s">
        <v>256</v>
      </c>
      <c r="D46" s="579" t="s">
        <v>224</v>
      </c>
      <c r="E46" s="590">
        <v>289</v>
      </c>
      <c r="F46" s="590">
        <v>-304</v>
      </c>
      <c r="G46" s="590" t="s">
        <v>44</v>
      </c>
      <c r="H46" s="590">
        <v>304</v>
      </c>
      <c r="I46" s="590">
        <v>593</v>
      </c>
      <c r="J46" s="590">
        <v>47993</v>
      </c>
      <c r="K46" s="580">
        <v>47400</v>
      </c>
    </row>
    <row r="47" spans="1:11" ht="12" customHeight="1">
      <c r="A47" s="576"/>
      <c r="B47" s="615">
        <v>691694</v>
      </c>
      <c r="C47" s="578" t="s">
        <v>257</v>
      </c>
      <c r="D47" s="581"/>
      <c r="E47" s="590">
        <v>-159</v>
      </c>
      <c r="F47" s="590">
        <v>-599</v>
      </c>
      <c r="G47" s="590" t="s">
        <v>44</v>
      </c>
      <c r="H47" s="590">
        <v>599</v>
      </c>
      <c r="I47" s="590">
        <v>440</v>
      </c>
      <c r="J47" s="590">
        <v>32962</v>
      </c>
      <c r="K47" s="580">
        <v>32522</v>
      </c>
    </row>
    <row r="48" spans="1:11" ht="12" customHeight="1">
      <c r="A48" s="569">
        <v>1</v>
      </c>
      <c r="B48" s="616">
        <v>781971</v>
      </c>
      <c r="C48" s="582" t="s">
        <v>258</v>
      </c>
      <c r="D48" s="579" t="s">
        <v>500</v>
      </c>
      <c r="E48" s="617">
        <v>-289</v>
      </c>
      <c r="F48" s="617">
        <v>-1034</v>
      </c>
      <c r="G48" s="617" t="s">
        <v>44</v>
      </c>
      <c r="H48" s="617">
        <v>1034</v>
      </c>
      <c r="I48" s="617">
        <v>745</v>
      </c>
      <c r="J48" s="617">
        <v>25734</v>
      </c>
      <c r="K48" s="618">
        <v>24989</v>
      </c>
    </row>
    <row r="49" spans="1:11" ht="12" customHeight="1">
      <c r="A49" s="576"/>
      <c r="B49" s="613">
        <v>680919</v>
      </c>
      <c r="C49" s="578" t="s">
        <v>259</v>
      </c>
      <c r="D49" s="578"/>
      <c r="E49" s="590">
        <v>-955</v>
      </c>
      <c r="F49" s="590">
        <v>-1449</v>
      </c>
      <c r="G49" s="590" t="s">
        <v>44</v>
      </c>
      <c r="H49" s="590">
        <v>1449</v>
      </c>
      <c r="I49" s="590">
        <v>494</v>
      </c>
      <c r="J49" s="590">
        <v>18665</v>
      </c>
      <c r="K49" s="580">
        <v>18171</v>
      </c>
    </row>
    <row r="50" spans="1:11" ht="12" customHeight="1">
      <c r="A50" s="569" t="s">
        <v>227</v>
      </c>
      <c r="B50" s="615">
        <v>550216</v>
      </c>
      <c r="C50" s="578" t="s">
        <v>260</v>
      </c>
      <c r="D50" s="578"/>
      <c r="E50" s="590">
        <v>-2171</v>
      </c>
      <c r="F50" s="590">
        <v>-1871</v>
      </c>
      <c r="G50" s="590" t="s">
        <v>44</v>
      </c>
      <c r="H50" s="590">
        <v>1871</v>
      </c>
      <c r="I50" s="590">
        <v>-300</v>
      </c>
      <c r="J50" s="590">
        <v>12757</v>
      </c>
      <c r="K50" s="580">
        <v>13057</v>
      </c>
    </row>
    <row r="51" spans="1:11" ht="12" customHeight="1">
      <c r="A51" s="569"/>
      <c r="B51" s="615">
        <v>483840</v>
      </c>
      <c r="C51" s="578" t="s">
        <v>261</v>
      </c>
      <c r="D51" s="578"/>
      <c r="E51" s="590">
        <v>-3140</v>
      </c>
      <c r="F51" s="590">
        <v>-2617</v>
      </c>
      <c r="G51" s="590" t="s">
        <v>44</v>
      </c>
      <c r="H51" s="590">
        <v>2617</v>
      </c>
      <c r="I51" s="590">
        <v>-523</v>
      </c>
      <c r="J51" s="590">
        <v>9263</v>
      </c>
      <c r="K51" s="580">
        <v>9786</v>
      </c>
    </row>
    <row r="52" spans="1:11" ht="12" customHeight="1">
      <c r="A52" s="569">
        <v>1</v>
      </c>
      <c r="B52" s="615">
        <v>584410</v>
      </c>
      <c r="C52" s="578" t="s">
        <v>262</v>
      </c>
      <c r="D52" s="578"/>
      <c r="E52" s="590">
        <v>-5436</v>
      </c>
      <c r="F52" s="590">
        <v>-5161</v>
      </c>
      <c r="G52" s="590" t="s">
        <v>44</v>
      </c>
      <c r="H52" s="590">
        <v>5161</v>
      </c>
      <c r="I52" s="590">
        <v>-275</v>
      </c>
      <c r="J52" s="590">
        <v>8265</v>
      </c>
      <c r="K52" s="580">
        <v>8540</v>
      </c>
    </row>
    <row r="53" spans="1:11" ht="12" customHeight="1">
      <c r="A53" s="576"/>
      <c r="B53" s="616">
        <v>555395</v>
      </c>
      <c r="C53" s="582" t="s">
        <v>263</v>
      </c>
      <c r="D53" s="578"/>
      <c r="E53" s="617">
        <v>-7348</v>
      </c>
      <c r="F53" s="617">
        <v>-7487</v>
      </c>
      <c r="G53" s="617" t="s">
        <v>44</v>
      </c>
      <c r="H53" s="617">
        <v>7487</v>
      </c>
      <c r="I53" s="617">
        <v>139</v>
      </c>
      <c r="J53" s="617">
        <v>6485</v>
      </c>
      <c r="K53" s="583">
        <v>6346</v>
      </c>
    </row>
    <row r="54" spans="1:11" ht="12" customHeight="1">
      <c r="A54" s="569" t="s">
        <v>230</v>
      </c>
      <c r="B54" s="613">
        <v>482467</v>
      </c>
      <c r="C54" s="578" t="s">
        <v>264</v>
      </c>
      <c r="D54" s="578"/>
      <c r="E54" s="590">
        <v>-10514</v>
      </c>
      <c r="F54" s="590">
        <v>-10812</v>
      </c>
      <c r="G54" s="590" t="s">
        <v>44</v>
      </c>
      <c r="H54" s="590">
        <v>10812</v>
      </c>
      <c r="I54" s="590">
        <v>298</v>
      </c>
      <c r="J54" s="590">
        <v>5300</v>
      </c>
      <c r="K54" s="580">
        <v>5002</v>
      </c>
    </row>
    <row r="55" spans="1:11" ht="12" customHeight="1">
      <c r="A55" s="576"/>
      <c r="B55" s="615">
        <v>339209</v>
      </c>
      <c r="C55" s="578" t="s">
        <v>265</v>
      </c>
      <c r="D55" s="578"/>
      <c r="E55" s="590">
        <v>-13337</v>
      </c>
      <c r="F55" s="590">
        <v>-13829</v>
      </c>
      <c r="G55" s="590" t="s">
        <v>44</v>
      </c>
      <c r="H55" s="590">
        <v>13829</v>
      </c>
      <c r="I55" s="590">
        <v>492</v>
      </c>
      <c r="J55" s="590">
        <v>4789</v>
      </c>
      <c r="K55" s="580">
        <v>4297</v>
      </c>
    </row>
    <row r="56" spans="1:11" ht="12" customHeight="1">
      <c r="A56" s="569" t="s">
        <v>232</v>
      </c>
      <c r="B56" s="615">
        <v>205132</v>
      </c>
      <c r="C56" s="578" t="s">
        <v>266</v>
      </c>
      <c r="D56" s="578"/>
      <c r="E56" s="590">
        <v>-15407</v>
      </c>
      <c r="F56" s="590">
        <v>-15942</v>
      </c>
      <c r="G56" s="590" t="s">
        <v>44</v>
      </c>
      <c r="H56" s="590">
        <v>15942</v>
      </c>
      <c r="I56" s="590">
        <v>535</v>
      </c>
      <c r="J56" s="590">
        <v>3992</v>
      </c>
      <c r="K56" s="580">
        <v>3457</v>
      </c>
    </row>
    <row r="57" spans="1:11" ht="12" customHeight="1">
      <c r="A57" s="576"/>
      <c r="B57" s="615">
        <v>92690</v>
      </c>
      <c r="C57" s="578" t="s">
        <v>267</v>
      </c>
      <c r="D57" s="578"/>
      <c r="E57" s="590">
        <v>-12734</v>
      </c>
      <c r="F57" s="590">
        <v>-13036</v>
      </c>
      <c r="G57" s="590" t="s">
        <v>44</v>
      </c>
      <c r="H57" s="590">
        <v>13036</v>
      </c>
      <c r="I57" s="590">
        <v>302</v>
      </c>
      <c r="J57" s="590">
        <v>2103</v>
      </c>
      <c r="K57" s="580">
        <v>1801</v>
      </c>
    </row>
    <row r="58" spans="1:11" ht="12" customHeight="1">
      <c r="A58" s="569" t="s">
        <v>234</v>
      </c>
      <c r="B58" s="616">
        <v>24584</v>
      </c>
      <c r="C58" s="582" t="s">
        <v>268</v>
      </c>
      <c r="D58" s="578"/>
      <c r="E58" s="617">
        <v>-6212</v>
      </c>
      <c r="F58" s="617">
        <v>-6282</v>
      </c>
      <c r="G58" s="617" t="s">
        <v>44</v>
      </c>
      <c r="H58" s="617">
        <v>6282</v>
      </c>
      <c r="I58" s="617">
        <v>70</v>
      </c>
      <c r="J58" s="617">
        <v>543</v>
      </c>
      <c r="K58" s="583">
        <v>473</v>
      </c>
    </row>
    <row r="59" spans="1:11" ht="12" customHeight="1">
      <c r="A59" s="576"/>
      <c r="B59" s="619">
        <v>4417</v>
      </c>
      <c r="C59" s="620" t="s">
        <v>501</v>
      </c>
      <c r="D59" s="578"/>
      <c r="E59" s="621">
        <v>-1757</v>
      </c>
      <c r="F59" s="621">
        <v>-1756</v>
      </c>
      <c r="G59" s="621" t="s">
        <v>44</v>
      </c>
      <c r="H59" s="621">
        <v>1756</v>
      </c>
      <c r="I59" s="621">
        <v>-1</v>
      </c>
      <c r="J59" s="621">
        <v>60</v>
      </c>
      <c r="K59" s="588">
        <v>61</v>
      </c>
    </row>
    <row r="60" spans="1:11" ht="12" customHeight="1">
      <c r="A60" s="576"/>
      <c r="B60" s="622">
        <v>82926</v>
      </c>
      <c r="C60" s="623" t="s">
        <v>128</v>
      </c>
      <c r="D60" s="561"/>
      <c r="E60" s="624" t="s">
        <v>44</v>
      </c>
      <c r="F60" s="624" t="s">
        <v>44</v>
      </c>
      <c r="G60" s="624" t="s">
        <v>44</v>
      </c>
      <c r="H60" s="624" t="s">
        <v>44</v>
      </c>
      <c r="I60" s="624" t="s">
        <v>44</v>
      </c>
      <c r="J60" s="624" t="s">
        <v>44</v>
      </c>
      <c r="K60" s="625" t="s">
        <v>44</v>
      </c>
    </row>
    <row r="61" spans="1:11" ht="12" customHeight="1">
      <c r="A61" s="576"/>
      <c r="B61" s="626">
        <v>1106141</v>
      </c>
      <c r="C61" s="627" t="s">
        <v>502</v>
      </c>
      <c r="D61" s="578"/>
      <c r="E61" s="590">
        <v>68631</v>
      </c>
      <c r="F61" s="590">
        <v>67988</v>
      </c>
      <c r="G61" s="590">
        <v>68228</v>
      </c>
      <c r="H61" s="628">
        <v>240</v>
      </c>
      <c r="I61" s="590">
        <v>643</v>
      </c>
      <c r="J61" s="590">
        <v>48724</v>
      </c>
      <c r="K61" s="580">
        <v>48081</v>
      </c>
    </row>
    <row r="62" spans="1:11" ht="12" customHeight="1">
      <c r="A62" s="576"/>
      <c r="B62" s="615">
        <v>5704254</v>
      </c>
      <c r="C62" s="627" t="s">
        <v>503</v>
      </c>
      <c r="D62" s="578"/>
      <c r="E62" s="590">
        <v>22460</v>
      </c>
      <c r="F62" s="590">
        <v>-8454</v>
      </c>
      <c r="G62" s="590" t="s">
        <v>44</v>
      </c>
      <c r="H62" s="590">
        <v>8454</v>
      </c>
      <c r="I62" s="590">
        <v>30914</v>
      </c>
      <c r="J62" s="590">
        <v>427318</v>
      </c>
      <c r="K62" s="580">
        <v>396404</v>
      </c>
    </row>
    <row r="63" spans="1:11" ht="12" customHeight="1" thickBot="1">
      <c r="A63" s="594"/>
      <c r="B63" s="629">
        <v>2288304</v>
      </c>
      <c r="C63" s="630" t="s">
        <v>504</v>
      </c>
      <c r="D63" s="596"/>
      <c r="E63" s="597">
        <v>-72745</v>
      </c>
      <c r="F63" s="597">
        <v>-74305</v>
      </c>
      <c r="G63" s="597" t="s">
        <v>44</v>
      </c>
      <c r="H63" s="597">
        <v>74305</v>
      </c>
      <c r="I63" s="597">
        <v>1560</v>
      </c>
      <c r="J63" s="597">
        <v>31537</v>
      </c>
      <c r="K63" s="631">
        <v>29977</v>
      </c>
    </row>
    <row r="64" spans="1:11" ht="14.25" customHeight="1" thickTop="1">
      <c r="A64" s="632" t="s">
        <v>505</v>
      </c>
      <c r="B64" s="633" t="s">
        <v>506</v>
      </c>
      <c r="C64" s="633"/>
      <c r="D64" s="633"/>
      <c r="E64" s="634"/>
      <c r="F64" s="634"/>
      <c r="G64" s="634"/>
      <c r="H64" s="634"/>
      <c r="I64" s="635"/>
      <c r="J64" s="635"/>
      <c r="K64" s="635"/>
    </row>
    <row r="65" spans="2:5" ht="12" customHeight="1">
      <c r="B65" s="633" t="s">
        <v>507</v>
      </c>
      <c r="C65" s="633"/>
      <c r="D65" s="633"/>
      <c r="E65" s="633"/>
    </row>
  </sheetData>
  <mergeCells count="4">
    <mergeCell ref="C5:C6"/>
    <mergeCell ref="D5:E5"/>
    <mergeCell ref="A6:B6"/>
    <mergeCell ref="D7:E7"/>
  </mergeCells>
  <phoneticPr fontId="2"/>
  <printOptions horizontalCentered="1" gridLinesSet="0"/>
  <pageMargins left="0.78740157480314965" right="0.98425196850393704" top="0.78740157480314965" bottom="0.9055118110236221" header="0.51181102362204722" footer="0.19685039370078741"/>
  <pageSetup paperSize="9" firstPageNumber="20" fitToWidth="0" orientation="portrait" blackAndWhite="1" r:id="rId1"/>
  <headerFooter alignWithMargins="0">
    <oddFooter>&amp;C&amp;"-,太字"-22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80"/>
  <sheetViews>
    <sheetView zoomScaleNormal="100" zoomScaleSheetLayoutView="100" workbookViewId="0"/>
  </sheetViews>
  <sheetFormatPr defaultRowHeight="11.25"/>
  <cols>
    <col min="1" max="1" width="5.375" style="423" customWidth="1"/>
    <col min="2" max="2" width="13.625" style="423" customWidth="1"/>
    <col min="3" max="3" width="10.625" style="423" customWidth="1"/>
    <col min="4" max="4" width="5.375" style="423" customWidth="1"/>
    <col min="5" max="6" width="11.625" style="423" customWidth="1"/>
    <col min="7" max="8" width="9.875" style="423" customWidth="1"/>
    <col min="9" max="9" width="11.625" style="423" customWidth="1"/>
    <col min="10" max="11" width="9.875" style="423" customWidth="1"/>
    <col min="12" max="16384" width="9" style="423"/>
  </cols>
  <sheetData>
    <row r="1" spans="1:11" ht="16.5" customHeight="1" thickBot="1">
      <c r="A1" s="636" t="s">
        <v>508</v>
      </c>
      <c r="C1" s="547"/>
      <c r="D1" s="547"/>
      <c r="E1" s="547"/>
    </row>
    <row r="2" spans="1:11" ht="9" customHeight="1" thickTop="1">
      <c r="A2" s="637"/>
      <c r="B2" s="638"/>
      <c r="C2" s="639"/>
      <c r="D2" s="637"/>
      <c r="E2" s="637"/>
      <c r="F2" s="637"/>
      <c r="G2" s="637"/>
      <c r="H2" s="637"/>
      <c r="I2" s="637"/>
      <c r="J2" s="637"/>
      <c r="K2" s="637"/>
    </row>
    <row r="3" spans="1:11" ht="13.5" customHeight="1">
      <c r="A3" s="640" t="s">
        <v>509</v>
      </c>
      <c r="B3" s="641"/>
      <c r="C3" s="1296" t="s">
        <v>274</v>
      </c>
      <c r="D3" s="642" t="s">
        <v>510</v>
      </c>
      <c r="E3" s="642"/>
      <c r="F3" s="643"/>
      <c r="G3" s="644"/>
      <c r="H3" s="645"/>
      <c r="I3" s="643"/>
      <c r="J3" s="644"/>
      <c r="K3" s="644"/>
    </row>
    <row r="4" spans="1:11" ht="13.5" customHeight="1">
      <c r="A4" s="640"/>
      <c r="B4" s="641" t="s">
        <v>511</v>
      </c>
      <c r="C4" s="1296"/>
      <c r="D4" s="640"/>
      <c r="E4" s="642"/>
      <c r="F4" s="646" t="s">
        <v>461</v>
      </c>
      <c r="G4" s="647" t="s">
        <v>462</v>
      </c>
      <c r="H4" s="647" t="s">
        <v>463</v>
      </c>
      <c r="I4" s="648" t="s">
        <v>464</v>
      </c>
      <c r="J4" s="649" t="s">
        <v>465</v>
      </c>
      <c r="K4" s="649" t="s">
        <v>466</v>
      </c>
    </row>
    <row r="5" spans="1:11" ht="13.5" customHeight="1">
      <c r="A5" s="640"/>
      <c r="B5" s="641"/>
      <c r="C5" s="650"/>
      <c r="D5" s="642" t="s">
        <v>512</v>
      </c>
      <c r="E5" s="651"/>
      <c r="F5" s="646" t="s">
        <v>513</v>
      </c>
      <c r="G5" s="646" t="s">
        <v>514</v>
      </c>
      <c r="H5" s="652" t="s">
        <v>470</v>
      </c>
      <c r="I5" s="648" t="s">
        <v>515</v>
      </c>
      <c r="J5" s="648" t="s">
        <v>516</v>
      </c>
      <c r="K5" s="646" t="s">
        <v>517</v>
      </c>
    </row>
    <row r="6" spans="1:11" ht="13.5" customHeight="1">
      <c r="A6" s="653"/>
      <c r="B6" s="654" t="s">
        <v>212</v>
      </c>
      <c r="C6" s="655"/>
      <c r="D6" s="656"/>
      <c r="E6" s="657" t="s">
        <v>212</v>
      </c>
      <c r="F6" s="657" t="s">
        <v>212</v>
      </c>
      <c r="G6" s="658" t="s">
        <v>212</v>
      </c>
      <c r="H6" s="659" t="s">
        <v>212</v>
      </c>
      <c r="I6" s="659" t="s">
        <v>212</v>
      </c>
      <c r="J6" s="660" t="s">
        <v>212</v>
      </c>
      <c r="K6" s="657" t="s">
        <v>212</v>
      </c>
    </row>
    <row r="7" spans="1:11" ht="13.5" customHeight="1">
      <c r="A7" s="661"/>
      <c r="B7" s="662">
        <v>9201825</v>
      </c>
      <c r="C7" s="663" t="s">
        <v>214</v>
      </c>
      <c r="D7" s="664"/>
      <c r="E7" s="665">
        <v>20200</v>
      </c>
      <c r="F7" s="665">
        <v>-19600</v>
      </c>
      <c r="G7" s="665">
        <v>64905</v>
      </c>
      <c r="H7" s="665">
        <v>84505</v>
      </c>
      <c r="I7" s="665">
        <v>39800</v>
      </c>
      <c r="J7" s="665">
        <v>514781</v>
      </c>
      <c r="K7" s="665">
        <v>474981</v>
      </c>
    </row>
    <row r="8" spans="1:11" ht="12">
      <c r="A8" s="666" t="s">
        <v>276</v>
      </c>
      <c r="B8" s="667"/>
      <c r="C8" s="668"/>
      <c r="D8" s="666" t="s">
        <v>518</v>
      </c>
      <c r="E8" s="669"/>
      <c r="F8" s="670"/>
      <c r="G8" s="671"/>
      <c r="H8" s="672"/>
      <c r="I8" s="672"/>
      <c r="J8" s="671"/>
      <c r="K8" s="670"/>
    </row>
    <row r="9" spans="1:11" ht="13.5" customHeight="1">
      <c r="A9" s="666" t="s">
        <v>278</v>
      </c>
      <c r="B9" s="673">
        <v>712810</v>
      </c>
      <c r="C9" s="674" t="s">
        <v>519</v>
      </c>
      <c r="D9" s="666" t="s">
        <v>520</v>
      </c>
      <c r="E9" s="675">
        <v>65378</v>
      </c>
      <c r="F9" s="669">
        <v>64718</v>
      </c>
      <c r="G9" s="669">
        <v>64905</v>
      </c>
      <c r="H9" s="675">
        <v>187</v>
      </c>
      <c r="I9" s="675">
        <v>660</v>
      </c>
      <c r="J9" s="675">
        <v>40264</v>
      </c>
      <c r="K9" s="676">
        <v>39604</v>
      </c>
    </row>
    <row r="10" spans="1:11" ht="13.5" customHeight="1">
      <c r="A10" s="677">
        <v>2</v>
      </c>
      <c r="B10" s="667">
        <v>795897</v>
      </c>
      <c r="C10" s="678" t="s">
        <v>290</v>
      </c>
      <c r="D10" s="677">
        <v>31</v>
      </c>
      <c r="E10" s="679">
        <v>7934</v>
      </c>
      <c r="F10" s="669">
        <v>-121</v>
      </c>
      <c r="G10" s="680" t="s">
        <v>521</v>
      </c>
      <c r="H10" s="679">
        <v>121</v>
      </c>
      <c r="I10" s="679">
        <v>8055</v>
      </c>
      <c r="J10" s="679">
        <v>29015</v>
      </c>
      <c r="K10" s="669">
        <v>20960</v>
      </c>
    </row>
    <row r="11" spans="1:11" ht="13.5" customHeight="1">
      <c r="A11" s="666" t="s">
        <v>148</v>
      </c>
      <c r="B11" s="667">
        <v>1012286</v>
      </c>
      <c r="C11" s="678" t="s">
        <v>291</v>
      </c>
      <c r="D11" s="666" t="s">
        <v>481</v>
      </c>
      <c r="E11" s="679">
        <v>23110</v>
      </c>
      <c r="F11" s="669">
        <v>-299</v>
      </c>
      <c r="G11" s="680" t="s">
        <v>521</v>
      </c>
      <c r="H11" s="679">
        <v>299</v>
      </c>
      <c r="I11" s="679">
        <v>23409</v>
      </c>
      <c r="J11" s="679">
        <v>193134</v>
      </c>
      <c r="K11" s="669">
        <v>169725</v>
      </c>
    </row>
    <row r="12" spans="1:11" ht="13.5" customHeight="1">
      <c r="A12" s="681" t="s">
        <v>522</v>
      </c>
      <c r="B12" s="667">
        <v>1076714</v>
      </c>
      <c r="C12" s="678" t="s">
        <v>292</v>
      </c>
      <c r="D12" s="666" t="s">
        <v>276</v>
      </c>
      <c r="E12" s="679">
        <v>3244</v>
      </c>
      <c r="F12" s="669">
        <v>-522</v>
      </c>
      <c r="G12" s="680" t="s">
        <v>521</v>
      </c>
      <c r="H12" s="679">
        <v>522</v>
      </c>
      <c r="I12" s="679">
        <v>3766</v>
      </c>
      <c r="J12" s="679">
        <v>121154</v>
      </c>
      <c r="K12" s="669">
        <v>117388</v>
      </c>
    </row>
    <row r="13" spans="1:11" ht="13.5" customHeight="1">
      <c r="A13" s="666" t="s">
        <v>523</v>
      </c>
      <c r="B13" s="682">
        <v>1446403</v>
      </c>
      <c r="C13" s="683" t="s">
        <v>293</v>
      </c>
      <c r="D13" s="666" t="s">
        <v>278</v>
      </c>
      <c r="E13" s="671">
        <v>282</v>
      </c>
      <c r="F13" s="671">
        <v>-1531</v>
      </c>
      <c r="G13" s="684" t="s">
        <v>524</v>
      </c>
      <c r="H13" s="679">
        <v>1531</v>
      </c>
      <c r="I13" s="671">
        <v>1813</v>
      </c>
      <c r="J13" s="671">
        <v>57389</v>
      </c>
      <c r="K13" s="670">
        <v>55576</v>
      </c>
    </row>
    <row r="14" spans="1:11" ht="13.5" customHeight="1">
      <c r="A14" s="681" t="s">
        <v>522</v>
      </c>
      <c r="B14" s="673">
        <v>1277590</v>
      </c>
      <c r="C14" s="678" t="s">
        <v>294</v>
      </c>
      <c r="D14" s="666" t="s">
        <v>488</v>
      </c>
      <c r="E14" s="675">
        <v>-3001</v>
      </c>
      <c r="F14" s="669">
        <v>-3409</v>
      </c>
      <c r="G14" s="680" t="s">
        <v>525</v>
      </c>
      <c r="H14" s="675">
        <v>3409</v>
      </c>
      <c r="I14" s="675">
        <v>408</v>
      </c>
      <c r="J14" s="675">
        <v>32486</v>
      </c>
      <c r="K14" s="676">
        <v>32078</v>
      </c>
    </row>
    <row r="15" spans="1:11" ht="13.5" customHeight="1">
      <c r="A15" s="666" t="s">
        <v>526</v>
      </c>
      <c r="B15" s="667">
        <v>1022297</v>
      </c>
      <c r="C15" s="678" t="s">
        <v>295</v>
      </c>
      <c r="D15" s="666" t="s">
        <v>527</v>
      </c>
      <c r="E15" s="679">
        <v>-7986</v>
      </c>
      <c r="F15" s="669">
        <v>-7227</v>
      </c>
      <c r="G15" s="680" t="s">
        <v>524</v>
      </c>
      <c r="H15" s="679">
        <v>7227</v>
      </c>
      <c r="I15" s="679">
        <v>-759</v>
      </c>
      <c r="J15" s="679">
        <v>17070</v>
      </c>
      <c r="K15" s="669">
        <v>17829</v>
      </c>
    </row>
    <row r="16" spans="1:11" ht="13.5" customHeight="1">
      <c r="A16" s="666" t="s">
        <v>528</v>
      </c>
      <c r="B16" s="667">
        <v>1082155</v>
      </c>
      <c r="C16" s="678" t="s">
        <v>296</v>
      </c>
      <c r="D16" s="666" t="s">
        <v>529</v>
      </c>
      <c r="E16" s="679">
        <v>-17928</v>
      </c>
      <c r="F16" s="669">
        <v>-18524</v>
      </c>
      <c r="G16" s="680" t="s">
        <v>524</v>
      </c>
      <c r="H16" s="679">
        <v>18524</v>
      </c>
      <c r="I16" s="679">
        <v>596</v>
      </c>
      <c r="J16" s="679">
        <v>12266</v>
      </c>
      <c r="K16" s="669">
        <v>11670</v>
      </c>
    </row>
    <row r="17" spans="1:11" ht="13.5" customHeight="1">
      <c r="A17" s="666" t="s">
        <v>530</v>
      </c>
      <c r="B17" s="667">
        <v>562796</v>
      </c>
      <c r="C17" s="678" t="s">
        <v>297</v>
      </c>
      <c r="D17" s="661"/>
      <c r="E17" s="679">
        <v>-29000</v>
      </c>
      <c r="F17" s="669">
        <v>-30323</v>
      </c>
      <c r="G17" s="680" t="s">
        <v>524</v>
      </c>
      <c r="H17" s="679">
        <v>30323</v>
      </c>
      <c r="I17" s="679">
        <v>1323</v>
      </c>
      <c r="J17" s="679">
        <v>8993</v>
      </c>
      <c r="K17" s="669">
        <v>7670</v>
      </c>
    </row>
    <row r="18" spans="1:11" ht="13.5" customHeight="1">
      <c r="A18" s="685"/>
      <c r="B18" s="667">
        <v>125174</v>
      </c>
      <c r="C18" s="683" t="s">
        <v>298</v>
      </c>
      <c r="D18" s="685"/>
      <c r="E18" s="671">
        <v>-20008</v>
      </c>
      <c r="F18" s="679">
        <v>-20520</v>
      </c>
      <c r="G18" s="680" t="s">
        <v>525</v>
      </c>
      <c r="H18" s="671">
        <v>20520</v>
      </c>
      <c r="I18" s="671">
        <v>512</v>
      </c>
      <c r="J18" s="671">
        <v>2939</v>
      </c>
      <c r="K18" s="670">
        <v>2427</v>
      </c>
    </row>
    <row r="19" spans="1:11" ht="13.5" customHeight="1">
      <c r="A19" s="661"/>
      <c r="B19" s="686">
        <v>4777</v>
      </c>
      <c r="C19" s="687" t="s">
        <v>531</v>
      </c>
      <c r="D19" s="685"/>
      <c r="E19" s="675">
        <v>-1825</v>
      </c>
      <c r="F19" s="688">
        <v>-1842</v>
      </c>
      <c r="G19" s="689" t="s">
        <v>525</v>
      </c>
      <c r="H19" s="688">
        <v>1842</v>
      </c>
      <c r="I19" s="675">
        <v>17</v>
      </c>
      <c r="J19" s="675">
        <v>71</v>
      </c>
      <c r="K19" s="690">
        <v>54</v>
      </c>
    </row>
    <row r="20" spans="1:11" ht="13.5" customHeight="1">
      <c r="A20" s="691"/>
      <c r="B20" s="692">
        <v>82926</v>
      </c>
      <c r="C20" s="693" t="s">
        <v>128</v>
      </c>
      <c r="D20" s="691"/>
      <c r="E20" s="694" t="s">
        <v>44</v>
      </c>
      <c r="F20" s="694" t="s">
        <v>44</v>
      </c>
      <c r="G20" s="695" t="s">
        <v>44</v>
      </c>
      <c r="H20" s="696" t="s">
        <v>44</v>
      </c>
      <c r="I20" s="696" t="s">
        <v>44</v>
      </c>
      <c r="J20" s="695" t="s">
        <v>44</v>
      </c>
      <c r="K20" s="694" t="s">
        <v>44</v>
      </c>
    </row>
    <row r="21" spans="1:11" ht="13.5" customHeight="1">
      <c r="A21" s="661"/>
      <c r="B21" s="1297">
        <v>9181625</v>
      </c>
      <c r="C21" s="1299" t="s">
        <v>214</v>
      </c>
      <c r="D21" s="697"/>
      <c r="E21" s="1301">
        <v>18346</v>
      </c>
      <c r="F21" s="1301">
        <v>-14771</v>
      </c>
      <c r="G21" s="1301">
        <v>68228</v>
      </c>
      <c r="H21" s="1301">
        <v>82999</v>
      </c>
      <c r="I21" s="1301">
        <v>33117</v>
      </c>
      <c r="J21" s="1301">
        <v>507579</v>
      </c>
      <c r="K21" s="1303">
        <v>474462</v>
      </c>
    </row>
    <row r="22" spans="1:11" ht="12" customHeight="1">
      <c r="A22" s="666" t="s">
        <v>518</v>
      </c>
      <c r="B22" s="1298"/>
      <c r="C22" s="1300"/>
      <c r="D22" s="666" t="s">
        <v>518</v>
      </c>
      <c r="E22" s="1302"/>
      <c r="F22" s="1302"/>
      <c r="G22" s="1302"/>
      <c r="H22" s="1302"/>
      <c r="I22" s="1302"/>
      <c r="J22" s="1302"/>
      <c r="K22" s="1304"/>
    </row>
    <row r="23" spans="1:11" ht="13.5" customHeight="1">
      <c r="A23" s="666" t="s">
        <v>520</v>
      </c>
      <c r="B23" s="698">
        <v>722972</v>
      </c>
      <c r="C23" s="674" t="s">
        <v>532</v>
      </c>
      <c r="D23" s="666" t="s">
        <v>520</v>
      </c>
      <c r="E23" s="699">
        <v>67958</v>
      </c>
      <c r="F23" s="700">
        <v>68022</v>
      </c>
      <c r="G23" s="699">
        <v>68228</v>
      </c>
      <c r="H23" s="701">
        <v>206</v>
      </c>
      <c r="I23" s="701">
        <v>-64</v>
      </c>
      <c r="J23" s="699">
        <v>40954</v>
      </c>
      <c r="K23" s="700">
        <v>41018</v>
      </c>
    </row>
    <row r="24" spans="1:11" ht="13.5" customHeight="1">
      <c r="A24" s="677">
        <v>31</v>
      </c>
      <c r="B24" s="698">
        <v>801435</v>
      </c>
      <c r="C24" s="678" t="s">
        <v>290</v>
      </c>
      <c r="D24" s="677">
        <v>30</v>
      </c>
      <c r="E24" s="680">
        <v>7944</v>
      </c>
      <c r="F24" s="700">
        <v>-115</v>
      </c>
      <c r="G24" s="680" t="s">
        <v>44</v>
      </c>
      <c r="H24" s="701">
        <v>115</v>
      </c>
      <c r="I24" s="701">
        <v>8059</v>
      </c>
      <c r="J24" s="680">
        <v>28777</v>
      </c>
      <c r="K24" s="700">
        <v>20718</v>
      </c>
    </row>
    <row r="25" spans="1:11" ht="13.5" customHeight="1">
      <c r="A25" s="666" t="s">
        <v>148</v>
      </c>
      <c r="B25" s="698">
        <v>995329</v>
      </c>
      <c r="C25" s="678" t="s">
        <v>291</v>
      </c>
      <c r="D25" s="666" t="s">
        <v>148</v>
      </c>
      <c r="E25" s="680">
        <v>20219</v>
      </c>
      <c r="F25" s="700">
        <v>-287</v>
      </c>
      <c r="G25" s="680" t="s">
        <v>44</v>
      </c>
      <c r="H25" s="701">
        <v>287</v>
      </c>
      <c r="I25" s="701">
        <v>20506</v>
      </c>
      <c r="J25" s="680">
        <v>184665</v>
      </c>
      <c r="K25" s="700">
        <v>164159</v>
      </c>
    </row>
    <row r="26" spans="1:11" ht="13.5" customHeight="1">
      <c r="A26" s="681" t="s">
        <v>533</v>
      </c>
      <c r="B26" s="698">
        <v>1102019</v>
      </c>
      <c r="C26" s="678" t="s">
        <v>292</v>
      </c>
      <c r="D26" s="666" t="s">
        <v>534</v>
      </c>
      <c r="E26" s="680">
        <v>1684</v>
      </c>
      <c r="F26" s="700">
        <v>-516</v>
      </c>
      <c r="G26" s="680" t="s">
        <v>44</v>
      </c>
      <c r="H26" s="701">
        <v>516</v>
      </c>
      <c r="I26" s="701">
        <v>2200</v>
      </c>
      <c r="J26" s="680">
        <v>122265</v>
      </c>
      <c r="K26" s="700">
        <v>120065</v>
      </c>
    </row>
    <row r="27" spans="1:11" ht="13.5" customHeight="1">
      <c r="A27" s="666" t="s">
        <v>523</v>
      </c>
      <c r="B27" s="702">
        <v>1473665</v>
      </c>
      <c r="C27" s="683" t="s">
        <v>293</v>
      </c>
      <c r="D27" s="666"/>
      <c r="E27" s="684">
        <v>-448</v>
      </c>
      <c r="F27" s="702">
        <v>-1633</v>
      </c>
      <c r="G27" s="680" t="s">
        <v>44</v>
      </c>
      <c r="H27" s="703">
        <v>1633</v>
      </c>
      <c r="I27" s="703">
        <v>1185</v>
      </c>
      <c r="J27" s="680">
        <v>58696</v>
      </c>
      <c r="K27" s="702">
        <v>57511</v>
      </c>
    </row>
    <row r="28" spans="1:11" ht="13.5" customHeight="1">
      <c r="A28" s="681" t="s">
        <v>533</v>
      </c>
      <c r="B28" s="698">
        <v>1231135</v>
      </c>
      <c r="C28" s="678" t="s">
        <v>294</v>
      </c>
      <c r="D28" s="666"/>
      <c r="E28" s="680">
        <v>-3126</v>
      </c>
      <c r="F28" s="700">
        <v>-3320</v>
      </c>
      <c r="G28" s="699" t="s">
        <v>44</v>
      </c>
      <c r="H28" s="701">
        <v>3320</v>
      </c>
      <c r="I28" s="701">
        <v>194</v>
      </c>
      <c r="J28" s="699">
        <v>31422</v>
      </c>
      <c r="K28" s="700">
        <v>31228</v>
      </c>
    </row>
    <row r="29" spans="1:11" ht="13.5" customHeight="1">
      <c r="A29" s="666" t="s">
        <v>526</v>
      </c>
      <c r="B29" s="698">
        <v>1068250</v>
      </c>
      <c r="C29" s="678" t="s">
        <v>295</v>
      </c>
      <c r="D29" s="666"/>
      <c r="E29" s="680">
        <v>-8576</v>
      </c>
      <c r="F29" s="700">
        <v>-7778</v>
      </c>
      <c r="G29" s="680" t="s">
        <v>44</v>
      </c>
      <c r="H29" s="701">
        <v>7778</v>
      </c>
      <c r="I29" s="701">
        <v>-798</v>
      </c>
      <c r="J29" s="680">
        <v>17528</v>
      </c>
      <c r="K29" s="700">
        <v>18326</v>
      </c>
    </row>
    <row r="30" spans="1:11" ht="13.5" customHeight="1">
      <c r="A30" s="666" t="s">
        <v>528</v>
      </c>
      <c r="B30" s="698">
        <v>1037862</v>
      </c>
      <c r="C30" s="678" t="s">
        <v>296</v>
      </c>
      <c r="D30" s="704"/>
      <c r="E30" s="680">
        <v>-17862</v>
      </c>
      <c r="F30" s="700">
        <v>-18299</v>
      </c>
      <c r="G30" s="680" t="s">
        <v>44</v>
      </c>
      <c r="H30" s="701">
        <v>18299</v>
      </c>
      <c r="I30" s="701">
        <v>437</v>
      </c>
      <c r="J30" s="680">
        <v>11785</v>
      </c>
      <c r="K30" s="700">
        <v>11348</v>
      </c>
    </row>
    <row r="31" spans="1:11" ht="13.5" customHeight="1">
      <c r="A31" s="666" t="s">
        <v>530</v>
      </c>
      <c r="B31" s="698">
        <v>544341</v>
      </c>
      <c r="C31" s="678" t="s">
        <v>297</v>
      </c>
      <c r="D31" s="666"/>
      <c r="E31" s="680">
        <v>-28744</v>
      </c>
      <c r="F31" s="700">
        <v>-29771</v>
      </c>
      <c r="G31" s="680" t="s">
        <v>44</v>
      </c>
      <c r="H31" s="701">
        <v>29771</v>
      </c>
      <c r="I31" s="701">
        <v>1027</v>
      </c>
      <c r="J31" s="680">
        <v>8781</v>
      </c>
      <c r="K31" s="700">
        <v>7754</v>
      </c>
    </row>
    <row r="32" spans="1:11" ht="13.5" customHeight="1">
      <c r="A32" s="661"/>
      <c r="B32" s="702">
        <v>117274</v>
      </c>
      <c r="C32" s="683" t="s">
        <v>298</v>
      </c>
      <c r="D32" s="704"/>
      <c r="E32" s="700">
        <v>-18946</v>
      </c>
      <c r="F32" s="700">
        <v>-19318</v>
      </c>
      <c r="G32" s="680" t="s">
        <v>44</v>
      </c>
      <c r="H32" s="703">
        <v>19318</v>
      </c>
      <c r="I32" s="701">
        <v>372</v>
      </c>
      <c r="J32" s="680">
        <v>2646</v>
      </c>
      <c r="K32" s="702">
        <v>2274</v>
      </c>
    </row>
    <row r="33" spans="1:11" ht="13.5" customHeight="1">
      <c r="A33" s="661"/>
      <c r="B33" s="702">
        <v>4417</v>
      </c>
      <c r="C33" s="687" t="s">
        <v>535</v>
      </c>
      <c r="D33" s="704"/>
      <c r="E33" s="705">
        <v>-1757</v>
      </c>
      <c r="F33" s="706">
        <v>-1756</v>
      </c>
      <c r="G33" s="699" t="s">
        <v>44</v>
      </c>
      <c r="H33" s="707">
        <v>1756</v>
      </c>
      <c r="I33" s="707">
        <v>-1</v>
      </c>
      <c r="J33" s="699">
        <v>60</v>
      </c>
      <c r="K33" s="706">
        <v>61</v>
      </c>
    </row>
    <row r="34" spans="1:11" ht="13.5" customHeight="1">
      <c r="A34" s="691"/>
      <c r="B34" s="700">
        <v>82926</v>
      </c>
      <c r="C34" s="663" t="s">
        <v>128</v>
      </c>
      <c r="D34" s="708"/>
      <c r="E34" s="705" t="s">
        <v>44</v>
      </c>
      <c r="F34" s="705" t="s">
        <v>44</v>
      </c>
      <c r="G34" s="699" t="s">
        <v>44</v>
      </c>
      <c r="H34" s="709" t="s">
        <v>44</v>
      </c>
      <c r="I34" s="709" t="s">
        <v>44</v>
      </c>
      <c r="J34" s="699" t="s">
        <v>44</v>
      </c>
      <c r="K34" s="705" t="s">
        <v>44</v>
      </c>
    </row>
    <row r="35" spans="1:11" ht="13.5" customHeight="1">
      <c r="A35" s="661"/>
      <c r="B35" s="1297">
        <v>9163279</v>
      </c>
      <c r="C35" s="1299" t="s">
        <v>214</v>
      </c>
      <c r="D35" s="710"/>
      <c r="E35" s="1305">
        <v>15879</v>
      </c>
      <c r="F35" s="1305">
        <v>-11083</v>
      </c>
      <c r="G35" s="1305">
        <v>69902</v>
      </c>
      <c r="H35" s="1305">
        <v>80985</v>
      </c>
      <c r="I35" s="1305">
        <v>26962</v>
      </c>
      <c r="J35" s="1305">
        <v>496793</v>
      </c>
      <c r="K35" s="1307">
        <v>469831</v>
      </c>
    </row>
    <row r="36" spans="1:11" ht="12" customHeight="1">
      <c r="A36" s="666" t="s">
        <v>518</v>
      </c>
      <c r="B36" s="1298"/>
      <c r="C36" s="1300"/>
      <c r="D36" s="666" t="s">
        <v>518</v>
      </c>
      <c r="E36" s="1306"/>
      <c r="F36" s="1306"/>
      <c r="G36" s="1306"/>
      <c r="H36" s="1306"/>
      <c r="I36" s="1306"/>
      <c r="J36" s="1306"/>
      <c r="K36" s="1308"/>
    </row>
    <row r="37" spans="1:11" ht="13.5" customHeight="1">
      <c r="A37" s="666" t="s">
        <v>520</v>
      </c>
      <c r="B37" s="698">
        <v>731832</v>
      </c>
      <c r="C37" s="674" t="s">
        <v>532</v>
      </c>
      <c r="D37" s="666" t="s">
        <v>520</v>
      </c>
      <c r="E37" s="699">
        <v>68375</v>
      </c>
      <c r="F37" s="700">
        <v>69670</v>
      </c>
      <c r="G37" s="699">
        <v>69902</v>
      </c>
      <c r="H37" s="701">
        <v>232</v>
      </c>
      <c r="I37" s="701">
        <v>-1295</v>
      </c>
      <c r="J37" s="699">
        <v>41019</v>
      </c>
      <c r="K37" s="700">
        <v>42314</v>
      </c>
    </row>
    <row r="38" spans="1:11" ht="13.5" customHeight="1">
      <c r="A38" s="677">
        <v>30</v>
      </c>
      <c r="B38" s="698">
        <v>806300</v>
      </c>
      <c r="C38" s="678" t="s">
        <v>290</v>
      </c>
      <c r="D38" s="677">
        <v>29</v>
      </c>
      <c r="E38" s="680">
        <v>7129</v>
      </c>
      <c r="F38" s="700">
        <v>-85</v>
      </c>
      <c r="G38" s="680" t="s">
        <v>44</v>
      </c>
      <c r="H38" s="701">
        <v>85</v>
      </c>
      <c r="I38" s="701">
        <v>7214</v>
      </c>
      <c r="J38" s="680">
        <v>28591</v>
      </c>
      <c r="K38" s="700">
        <v>21377</v>
      </c>
    </row>
    <row r="39" spans="1:11" ht="13.5" customHeight="1">
      <c r="A39" s="666" t="s">
        <v>148</v>
      </c>
      <c r="B39" s="698">
        <v>984389</v>
      </c>
      <c r="C39" s="678" t="s">
        <v>291</v>
      </c>
      <c r="D39" s="666" t="s">
        <v>148</v>
      </c>
      <c r="E39" s="680">
        <v>17775</v>
      </c>
      <c r="F39" s="700">
        <v>-310</v>
      </c>
      <c r="G39" s="680" t="s">
        <v>44</v>
      </c>
      <c r="H39" s="701">
        <v>310</v>
      </c>
      <c r="I39" s="701">
        <v>18085</v>
      </c>
      <c r="J39" s="680">
        <v>175714</v>
      </c>
      <c r="K39" s="700">
        <v>157629</v>
      </c>
    </row>
    <row r="40" spans="1:11" ht="13.5" customHeight="1">
      <c r="A40" s="681" t="s">
        <v>533</v>
      </c>
      <c r="B40" s="698">
        <v>1129691</v>
      </c>
      <c r="C40" s="678" t="s">
        <v>292</v>
      </c>
      <c r="D40" s="666" t="s">
        <v>534</v>
      </c>
      <c r="E40" s="680">
        <v>882</v>
      </c>
      <c r="F40" s="700">
        <v>-532</v>
      </c>
      <c r="G40" s="680" t="s">
        <v>44</v>
      </c>
      <c r="H40" s="701">
        <v>532</v>
      </c>
      <c r="I40" s="701">
        <v>1414</v>
      </c>
      <c r="J40" s="680">
        <v>121542</v>
      </c>
      <c r="K40" s="700">
        <v>120128</v>
      </c>
    </row>
    <row r="41" spans="1:11" ht="13.5" customHeight="1">
      <c r="A41" s="666" t="s">
        <v>523</v>
      </c>
      <c r="B41" s="702">
        <v>1495249</v>
      </c>
      <c r="C41" s="683" t="s">
        <v>293</v>
      </c>
      <c r="D41" s="666"/>
      <c r="E41" s="684">
        <v>-1084</v>
      </c>
      <c r="F41" s="702">
        <v>-1654</v>
      </c>
      <c r="G41" s="680" t="s">
        <v>44</v>
      </c>
      <c r="H41" s="703">
        <v>1654</v>
      </c>
      <c r="I41" s="703">
        <v>570</v>
      </c>
      <c r="J41" s="680">
        <v>59214</v>
      </c>
      <c r="K41" s="702">
        <v>58644</v>
      </c>
    </row>
    <row r="42" spans="1:11" ht="13.5" customHeight="1">
      <c r="A42" s="681" t="s">
        <v>533</v>
      </c>
      <c r="B42" s="698">
        <v>1186602</v>
      </c>
      <c r="C42" s="678" t="s">
        <v>294</v>
      </c>
      <c r="D42" s="666"/>
      <c r="E42" s="680">
        <v>-3290</v>
      </c>
      <c r="F42" s="700">
        <v>-3306</v>
      </c>
      <c r="G42" s="699" t="s">
        <v>44</v>
      </c>
      <c r="H42" s="701">
        <v>3306</v>
      </c>
      <c r="I42" s="701">
        <v>16</v>
      </c>
      <c r="J42" s="699">
        <v>30555</v>
      </c>
      <c r="K42" s="700">
        <v>30539</v>
      </c>
    </row>
    <row r="43" spans="1:11" ht="13.5" customHeight="1">
      <c r="A43" s="666" t="s">
        <v>526</v>
      </c>
      <c r="B43" s="698">
        <v>1113300</v>
      </c>
      <c r="C43" s="678" t="s">
        <v>295</v>
      </c>
      <c r="D43" s="666"/>
      <c r="E43" s="680">
        <v>-8971</v>
      </c>
      <c r="F43" s="700">
        <v>-8230</v>
      </c>
      <c r="G43" s="680" t="s">
        <v>44</v>
      </c>
      <c r="H43" s="701">
        <v>8230</v>
      </c>
      <c r="I43" s="701">
        <v>-741</v>
      </c>
      <c r="J43" s="680">
        <v>17891</v>
      </c>
      <c r="K43" s="700">
        <v>18632</v>
      </c>
    </row>
    <row r="44" spans="1:11" ht="13.5" customHeight="1">
      <c r="A44" s="666" t="s">
        <v>528</v>
      </c>
      <c r="B44" s="698">
        <v>991863</v>
      </c>
      <c r="C44" s="678" t="s">
        <v>296</v>
      </c>
      <c r="D44" s="704"/>
      <c r="E44" s="680">
        <v>-17407</v>
      </c>
      <c r="F44" s="700">
        <v>-17679</v>
      </c>
      <c r="G44" s="680" t="s">
        <v>44</v>
      </c>
      <c r="H44" s="701">
        <v>17679</v>
      </c>
      <c r="I44" s="701">
        <v>272</v>
      </c>
      <c r="J44" s="680">
        <v>11053</v>
      </c>
      <c r="K44" s="700">
        <v>10781</v>
      </c>
    </row>
    <row r="45" spans="1:11" ht="13.5" customHeight="1">
      <c r="A45" s="666" t="s">
        <v>530</v>
      </c>
      <c r="B45" s="698">
        <v>528188</v>
      </c>
      <c r="C45" s="678" t="s">
        <v>297</v>
      </c>
      <c r="D45" s="666"/>
      <c r="E45" s="680">
        <v>-27991</v>
      </c>
      <c r="F45" s="700">
        <v>-29001</v>
      </c>
      <c r="G45" s="680" t="s">
        <v>44</v>
      </c>
      <c r="H45" s="701">
        <v>29001</v>
      </c>
      <c r="I45" s="701">
        <v>1010</v>
      </c>
      <c r="J45" s="680">
        <v>8618</v>
      </c>
      <c r="K45" s="700">
        <v>7608</v>
      </c>
    </row>
    <row r="46" spans="1:11" ht="13.5" customHeight="1">
      <c r="A46" s="661"/>
      <c r="B46" s="702">
        <v>108768</v>
      </c>
      <c r="C46" s="683" t="s">
        <v>298</v>
      </c>
      <c r="D46" s="704"/>
      <c r="E46" s="700">
        <v>-17792</v>
      </c>
      <c r="F46" s="700">
        <v>-18206</v>
      </c>
      <c r="G46" s="680" t="s">
        <v>44</v>
      </c>
      <c r="H46" s="703">
        <v>18206</v>
      </c>
      <c r="I46" s="701">
        <v>414</v>
      </c>
      <c r="J46" s="680">
        <v>2527</v>
      </c>
      <c r="K46" s="702">
        <v>2113</v>
      </c>
    </row>
    <row r="47" spans="1:11" ht="13.5" customHeight="1">
      <c r="A47" s="661"/>
      <c r="B47" s="702">
        <v>4171</v>
      </c>
      <c r="C47" s="687" t="s">
        <v>535</v>
      </c>
      <c r="D47" s="704"/>
      <c r="E47" s="705">
        <v>-1747</v>
      </c>
      <c r="F47" s="706">
        <v>-1750</v>
      </c>
      <c r="G47" s="699" t="s">
        <v>44</v>
      </c>
      <c r="H47" s="707">
        <v>1750</v>
      </c>
      <c r="I47" s="707">
        <v>3</v>
      </c>
      <c r="J47" s="699">
        <v>69</v>
      </c>
      <c r="K47" s="706">
        <v>66</v>
      </c>
    </row>
    <row r="48" spans="1:11" ht="13.5" customHeight="1">
      <c r="A48" s="685"/>
      <c r="B48" s="700">
        <v>82926</v>
      </c>
      <c r="C48" s="663" t="s">
        <v>128</v>
      </c>
      <c r="D48" s="704"/>
      <c r="E48" s="705" t="s">
        <v>44</v>
      </c>
      <c r="F48" s="705" t="s">
        <v>44</v>
      </c>
      <c r="G48" s="699" t="s">
        <v>44</v>
      </c>
      <c r="H48" s="709" t="s">
        <v>44</v>
      </c>
      <c r="I48" s="709" t="s">
        <v>44</v>
      </c>
      <c r="J48" s="699" t="s">
        <v>44</v>
      </c>
      <c r="K48" s="705" t="s">
        <v>44</v>
      </c>
    </row>
    <row r="49" spans="1:11" ht="13.5" customHeight="1">
      <c r="A49" s="711"/>
      <c r="B49" s="1311">
        <v>9147400</v>
      </c>
      <c r="C49" s="1299" t="s">
        <v>214</v>
      </c>
      <c r="D49" s="712"/>
      <c r="E49" s="1305">
        <v>19363</v>
      </c>
      <c r="F49" s="1305">
        <v>-5354</v>
      </c>
      <c r="G49" s="1305">
        <v>72795</v>
      </c>
      <c r="H49" s="1305">
        <v>78149</v>
      </c>
      <c r="I49" s="1305">
        <v>24717</v>
      </c>
      <c r="J49" s="1305">
        <v>486889</v>
      </c>
      <c r="K49" s="1307">
        <v>462172</v>
      </c>
    </row>
    <row r="50" spans="1:11" ht="12" customHeight="1">
      <c r="A50" s="666" t="s">
        <v>518</v>
      </c>
      <c r="B50" s="1312"/>
      <c r="C50" s="1313"/>
      <c r="D50" s="666" t="s">
        <v>518</v>
      </c>
      <c r="E50" s="1306"/>
      <c r="F50" s="1306"/>
      <c r="G50" s="1306"/>
      <c r="H50" s="1306"/>
      <c r="I50" s="1306"/>
      <c r="J50" s="1306"/>
      <c r="K50" s="1308"/>
    </row>
    <row r="51" spans="1:11" ht="13.5" customHeight="1">
      <c r="A51" s="666" t="s">
        <v>520</v>
      </c>
      <c r="B51" s="713">
        <v>739869</v>
      </c>
      <c r="C51" s="674" t="s">
        <v>532</v>
      </c>
      <c r="D51" s="666" t="s">
        <v>520</v>
      </c>
      <c r="E51" s="699">
        <v>71497</v>
      </c>
      <c r="F51" s="700">
        <v>72564</v>
      </c>
      <c r="G51" s="699">
        <v>72795</v>
      </c>
      <c r="H51" s="701">
        <v>231</v>
      </c>
      <c r="I51" s="701">
        <v>-1067</v>
      </c>
      <c r="J51" s="699">
        <v>42154</v>
      </c>
      <c r="K51" s="700">
        <v>43221</v>
      </c>
    </row>
    <row r="52" spans="1:11" ht="13.5" customHeight="1">
      <c r="A52" s="677">
        <v>29</v>
      </c>
      <c r="B52" s="713">
        <v>813401</v>
      </c>
      <c r="C52" s="678" t="s">
        <v>290</v>
      </c>
      <c r="D52" s="677">
        <v>28</v>
      </c>
      <c r="E52" s="680">
        <v>7234</v>
      </c>
      <c r="F52" s="700">
        <v>-138</v>
      </c>
      <c r="G52" s="680" t="s">
        <v>44</v>
      </c>
      <c r="H52" s="701">
        <v>138</v>
      </c>
      <c r="I52" s="701">
        <v>7372</v>
      </c>
      <c r="J52" s="680">
        <v>28337</v>
      </c>
      <c r="K52" s="700">
        <v>20965</v>
      </c>
    </row>
    <row r="53" spans="1:11" ht="13.5" customHeight="1">
      <c r="A53" s="666" t="s">
        <v>148</v>
      </c>
      <c r="B53" s="713">
        <v>975652</v>
      </c>
      <c r="C53" s="678" t="s">
        <v>291</v>
      </c>
      <c r="D53" s="666" t="s">
        <v>148</v>
      </c>
      <c r="E53" s="680">
        <v>17084</v>
      </c>
      <c r="F53" s="700">
        <v>-316</v>
      </c>
      <c r="G53" s="680" t="s">
        <v>44</v>
      </c>
      <c r="H53" s="701">
        <v>316</v>
      </c>
      <c r="I53" s="701">
        <v>17400</v>
      </c>
      <c r="J53" s="680">
        <v>167605</v>
      </c>
      <c r="K53" s="700">
        <v>150205</v>
      </c>
    </row>
    <row r="54" spans="1:11" ht="13.5" customHeight="1">
      <c r="A54" s="681" t="s">
        <v>533</v>
      </c>
      <c r="B54" s="713">
        <v>1161036</v>
      </c>
      <c r="C54" s="678" t="s">
        <v>292</v>
      </c>
      <c r="D54" s="666" t="s">
        <v>534</v>
      </c>
      <c r="E54" s="680">
        <v>-91</v>
      </c>
      <c r="F54" s="700">
        <v>-566</v>
      </c>
      <c r="G54" s="680" t="s">
        <v>44</v>
      </c>
      <c r="H54" s="701">
        <v>566</v>
      </c>
      <c r="I54" s="701">
        <v>475</v>
      </c>
      <c r="J54" s="680">
        <v>122286</v>
      </c>
      <c r="K54" s="700">
        <v>121811</v>
      </c>
    </row>
    <row r="55" spans="1:11" ht="13.5" customHeight="1">
      <c r="A55" s="666" t="s">
        <v>523</v>
      </c>
      <c r="B55" s="714">
        <v>1518177</v>
      </c>
      <c r="C55" s="683" t="s">
        <v>293</v>
      </c>
      <c r="D55" s="666"/>
      <c r="E55" s="684">
        <v>-1637</v>
      </c>
      <c r="F55" s="702">
        <v>-1717</v>
      </c>
      <c r="G55" s="680" t="s">
        <v>44</v>
      </c>
      <c r="H55" s="703">
        <v>1717</v>
      </c>
      <c r="I55" s="703">
        <v>80</v>
      </c>
      <c r="J55" s="680">
        <v>59487</v>
      </c>
      <c r="K55" s="702">
        <v>59407</v>
      </c>
    </row>
    <row r="56" spans="1:11" ht="13.5" customHeight="1">
      <c r="A56" s="681" t="s">
        <v>533</v>
      </c>
      <c r="B56" s="713">
        <v>1130015</v>
      </c>
      <c r="C56" s="678" t="s">
        <v>294</v>
      </c>
      <c r="D56" s="666"/>
      <c r="E56" s="680">
        <v>-3165</v>
      </c>
      <c r="F56" s="700">
        <v>-3282</v>
      </c>
      <c r="G56" s="699" t="s">
        <v>44</v>
      </c>
      <c r="H56" s="701">
        <v>3282</v>
      </c>
      <c r="I56" s="701">
        <v>117</v>
      </c>
      <c r="J56" s="699">
        <v>28562</v>
      </c>
      <c r="K56" s="700">
        <v>28445</v>
      </c>
    </row>
    <row r="57" spans="1:11" ht="13.5" customHeight="1">
      <c r="A57" s="666" t="s">
        <v>526</v>
      </c>
      <c r="B57" s="713">
        <v>1167643</v>
      </c>
      <c r="C57" s="678" t="s">
        <v>295</v>
      </c>
      <c r="D57" s="666"/>
      <c r="E57" s="680">
        <v>-9930</v>
      </c>
      <c r="F57" s="700">
        <v>-8698</v>
      </c>
      <c r="G57" s="680" t="s">
        <v>44</v>
      </c>
      <c r="H57" s="701">
        <v>8698</v>
      </c>
      <c r="I57" s="701">
        <v>-1232</v>
      </c>
      <c r="J57" s="680">
        <v>17814</v>
      </c>
      <c r="K57" s="700">
        <v>19046</v>
      </c>
    </row>
    <row r="58" spans="1:11" ht="13.5" customHeight="1">
      <c r="A58" s="666" t="s">
        <v>528</v>
      </c>
      <c r="B58" s="713">
        <v>951343</v>
      </c>
      <c r="C58" s="678" t="s">
        <v>296</v>
      </c>
      <c r="D58" s="704"/>
      <c r="E58" s="680">
        <v>-16755</v>
      </c>
      <c r="F58" s="700">
        <v>-16998</v>
      </c>
      <c r="G58" s="680" t="s">
        <v>44</v>
      </c>
      <c r="H58" s="701">
        <v>16998</v>
      </c>
      <c r="I58" s="701">
        <v>243</v>
      </c>
      <c r="J58" s="680">
        <v>10432</v>
      </c>
      <c r="K58" s="700">
        <v>10189</v>
      </c>
    </row>
    <row r="59" spans="1:11" ht="13.5" customHeight="1">
      <c r="A59" s="666" t="s">
        <v>530</v>
      </c>
      <c r="B59" s="713">
        <v>502167</v>
      </c>
      <c r="C59" s="678" t="s">
        <v>297</v>
      </c>
      <c r="D59" s="666"/>
      <c r="E59" s="680">
        <v>-26730</v>
      </c>
      <c r="F59" s="700">
        <v>-27703</v>
      </c>
      <c r="G59" s="680" t="s">
        <v>44</v>
      </c>
      <c r="H59" s="701">
        <v>27703</v>
      </c>
      <c r="I59" s="701">
        <v>973</v>
      </c>
      <c r="J59" s="680">
        <v>7923</v>
      </c>
      <c r="K59" s="700">
        <v>6950</v>
      </c>
    </row>
    <row r="60" spans="1:11" ht="13.5" customHeight="1">
      <c r="A60" s="666"/>
      <c r="B60" s="714">
        <v>101305</v>
      </c>
      <c r="C60" s="683" t="s">
        <v>298</v>
      </c>
      <c r="D60" s="704"/>
      <c r="E60" s="700">
        <v>-16543</v>
      </c>
      <c r="F60" s="700">
        <v>-16884</v>
      </c>
      <c r="G60" s="680" t="s">
        <v>44</v>
      </c>
      <c r="H60" s="703">
        <v>16884</v>
      </c>
      <c r="I60" s="701">
        <v>341</v>
      </c>
      <c r="J60" s="680">
        <v>2228</v>
      </c>
      <c r="K60" s="702">
        <v>1887</v>
      </c>
    </row>
    <row r="61" spans="1:11" ht="13.5" customHeight="1">
      <c r="A61" s="666"/>
      <c r="B61" s="715">
        <v>3866</v>
      </c>
      <c r="C61" s="687" t="s">
        <v>535</v>
      </c>
      <c r="D61" s="704"/>
      <c r="E61" s="705">
        <v>-1601</v>
      </c>
      <c r="F61" s="706">
        <v>-1616</v>
      </c>
      <c r="G61" s="699" t="s">
        <v>44</v>
      </c>
      <c r="H61" s="707">
        <v>1616</v>
      </c>
      <c r="I61" s="707">
        <v>15</v>
      </c>
      <c r="J61" s="699">
        <v>61</v>
      </c>
      <c r="K61" s="706">
        <v>46</v>
      </c>
    </row>
    <row r="62" spans="1:11" ht="13.5" customHeight="1">
      <c r="A62" s="716"/>
      <c r="B62" s="717">
        <v>82926</v>
      </c>
      <c r="C62" s="693" t="s">
        <v>128</v>
      </c>
      <c r="D62" s="716"/>
      <c r="E62" s="705" t="s">
        <v>44</v>
      </c>
      <c r="F62" s="705" t="s">
        <v>44</v>
      </c>
      <c r="G62" s="699" t="s">
        <v>44</v>
      </c>
      <c r="H62" s="709" t="s">
        <v>44</v>
      </c>
      <c r="I62" s="709" t="s">
        <v>44</v>
      </c>
      <c r="J62" s="699" t="s">
        <v>44</v>
      </c>
      <c r="K62" s="705" t="s">
        <v>44</v>
      </c>
    </row>
    <row r="63" spans="1:11" ht="13.5" customHeight="1">
      <c r="A63" s="661"/>
      <c r="B63" s="1311" t="s">
        <v>44</v>
      </c>
      <c r="C63" s="1299" t="s">
        <v>214</v>
      </c>
      <c r="D63" s="697"/>
      <c r="E63" s="1305" t="s">
        <v>44</v>
      </c>
      <c r="F63" s="1305" t="s">
        <v>44</v>
      </c>
      <c r="G63" s="1305" t="s">
        <v>44</v>
      </c>
      <c r="H63" s="1305" t="s">
        <v>44</v>
      </c>
      <c r="I63" s="1305" t="s">
        <v>44</v>
      </c>
      <c r="J63" s="1305" t="s">
        <v>44</v>
      </c>
      <c r="K63" s="1307" t="s">
        <v>44</v>
      </c>
    </row>
    <row r="64" spans="1:11" ht="12" customHeight="1">
      <c r="A64" s="666" t="s">
        <v>518</v>
      </c>
      <c r="B64" s="1312"/>
      <c r="C64" s="1313"/>
      <c r="D64" s="666" t="s">
        <v>518</v>
      </c>
      <c r="E64" s="1306"/>
      <c r="F64" s="1306"/>
      <c r="G64" s="1306"/>
      <c r="H64" s="1306"/>
      <c r="I64" s="1306"/>
      <c r="J64" s="1306"/>
      <c r="K64" s="1308"/>
    </row>
    <row r="65" spans="1:11" ht="13.5" customHeight="1">
      <c r="A65" s="666" t="s">
        <v>520</v>
      </c>
      <c r="B65" s="713" t="s">
        <v>44</v>
      </c>
      <c r="C65" s="674" t="s">
        <v>532</v>
      </c>
      <c r="D65" s="666" t="s">
        <v>520</v>
      </c>
      <c r="E65" s="699" t="s">
        <v>44</v>
      </c>
      <c r="F65" s="700" t="s">
        <v>44</v>
      </c>
      <c r="G65" s="699" t="s">
        <v>44</v>
      </c>
      <c r="H65" s="701" t="s">
        <v>44</v>
      </c>
      <c r="I65" s="701" t="s">
        <v>44</v>
      </c>
      <c r="J65" s="699" t="s">
        <v>44</v>
      </c>
      <c r="K65" s="700" t="s">
        <v>44</v>
      </c>
    </row>
    <row r="66" spans="1:11" ht="13.5" customHeight="1">
      <c r="A66" s="677">
        <v>28</v>
      </c>
      <c r="B66" s="713" t="s">
        <v>44</v>
      </c>
      <c r="C66" s="678" t="s">
        <v>290</v>
      </c>
      <c r="D66" s="677">
        <v>27</v>
      </c>
      <c r="E66" s="680" t="s">
        <v>44</v>
      </c>
      <c r="F66" s="700" t="s">
        <v>44</v>
      </c>
      <c r="G66" s="680" t="s">
        <v>44</v>
      </c>
      <c r="H66" s="701" t="s">
        <v>44</v>
      </c>
      <c r="I66" s="701" t="s">
        <v>44</v>
      </c>
      <c r="J66" s="680" t="s">
        <v>44</v>
      </c>
      <c r="K66" s="700" t="s">
        <v>44</v>
      </c>
    </row>
    <row r="67" spans="1:11" ht="13.5" customHeight="1">
      <c r="A67" s="666" t="s">
        <v>148</v>
      </c>
      <c r="B67" s="713" t="s">
        <v>44</v>
      </c>
      <c r="C67" s="678" t="s">
        <v>291</v>
      </c>
      <c r="D67" s="666" t="s">
        <v>148</v>
      </c>
      <c r="E67" s="680" t="s">
        <v>44</v>
      </c>
      <c r="F67" s="700" t="s">
        <v>44</v>
      </c>
      <c r="G67" s="680" t="s">
        <v>44</v>
      </c>
      <c r="H67" s="701" t="s">
        <v>44</v>
      </c>
      <c r="I67" s="701" t="s">
        <v>44</v>
      </c>
      <c r="J67" s="680" t="s">
        <v>44</v>
      </c>
      <c r="K67" s="700" t="s">
        <v>44</v>
      </c>
    </row>
    <row r="68" spans="1:11" ht="13.5" customHeight="1">
      <c r="A68" s="681" t="s">
        <v>533</v>
      </c>
      <c r="B68" s="713" t="s">
        <v>44</v>
      </c>
      <c r="C68" s="678" t="s">
        <v>292</v>
      </c>
      <c r="D68" s="666" t="s">
        <v>534</v>
      </c>
      <c r="E68" s="680" t="s">
        <v>44</v>
      </c>
      <c r="F68" s="700" t="s">
        <v>44</v>
      </c>
      <c r="G68" s="680" t="s">
        <v>44</v>
      </c>
      <c r="H68" s="701" t="s">
        <v>44</v>
      </c>
      <c r="I68" s="701" t="s">
        <v>44</v>
      </c>
      <c r="J68" s="680" t="s">
        <v>44</v>
      </c>
      <c r="K68" s="700" t="s">
        <v>44</v>
      </c>
    </row>
    <row r="69" spans="1:11" ht="13.5" customHeight="1">
      <c r="A69" s="666" t="s">
        <v>523</v>
      </c>
      <c r="B69" s="714" t="s">
        <v>44</v>
      </c>
      <c r="C69" s="683" t="s">
        <v>293</v>
      </c>
      <c r="D69" s="666"/>
      <c r="E69" s="684" t="s">
        <v>44</v>
      </c>
      <c r="F69" s="702" t="s">
        <v>44</v>
      </c>
      <c r="G69" s="680" t="s">
        <v>44</v>
      </c>
      <c r="H69" s="703" t="s">
        <v>44</v>
      </c>
      <c r="I69" s="703" t="s">
        <v>44</v>
      </c>
      <c r="J69" s="680" t="s">
        <v>44</v>
      </c>
      <c r="K69" s="702" t="s">
        <v>44</v>
      </c>
    </row>
    <row r="70" spans="1:11" ht="13.5" customHeight="1">
      <c r="A70" s="681" t="s">
        <v>533</v>
      </c>
      <c r="B70" s="713" t="s">
        <v>44</v>
      </c>
      <c r="C70" s="678" t="s">
        <v>294</v>
      </c>
      <c r="D70" s="666"/>
      <c r="E70" s="680" t="s">
        <v>44</v>
      </c>
      <c r="F70" s="700" t="s">
        <v>44</v>
      </c>
      <c r="G70" s="699" t="s">
        <v>44</v>
      </c>
      <c r="H70" s="701" t="s">
        <v>44</v>
      </c>
      <c r="I70" s="701" t="s">
        <v>44</v>
      </c>
      <c r="J70" s="699" t="s">
        <v>44</v>
      </c>
      <c r="K70" s="700" t="s">
        <v>44</v>
      </c>
    </row>
    <row r="71" spans="1:11" ht="13.5" customHeight="1">
      <c r="A71" s="666" t="s">
        <v>526</v>
      </c>
      <c r="B71" s="713" t="s">
        <v>44</v>
      </c>
      <c r="C71" s="678" t="s">
        <v>295</v>
      </c>
      <c r="D71" s="666"/>
      <c r="E71" s="680" t="s">
        <v>44</v>
      </c>
      <c r="F71" s="700" t="s">
        <v>44</v>
      </c>
      <c r="G71" s="680" t="s">
        <v>44</v>
      </c>
      <c r="H71" s="701" t="s">
        <v>44</v>
      </c>
      <c r="I71" s="701" t="s">
        <v>44</v>
      </c>
      <c r="J71" s="680" t="s">
        <v>44</v>
      </c>
      <c r="K71" s="700" t="s">
        <v>44</v>
      </c>
    </row>
    <row r="72" spans="1:11" ht="13.5" customHeight="1">
      <c r="A72" s="666" t="s">
        <v>528</v>
      </c>
      <c r="B72" s="713" t="s">
        <v>44</v>
      </c>
      <c r="C72" s="678" t="s">
        <v>296</v>
      </c>
      <c r="D72" s="704"/>
      <c r="E72" s="680" t="s">
        <v>44</v>
      </c>
      <c r="F72" s="700" t="s">
        <v>44</v>
      </c>
      <c r="G72" s="680" t="s">
        <v>44</v>
      </c>
      <c r="H72" s="701" t="s">
        <v>44</v>
      </c>
      <c r="I72" s="701" t="s">
        <v>44</v>
      </c>
      <c r="J72" s="680" t="s">
        <v>44</v>
      </c>
      <c r="K72" s="700" t="s">
        <v>44</v>
      </c>
    </row>
    <row r="73" spans="1:11" ht="13.5" customHeight="1">
      <c r="A73" s="666" t="s">
        <v>530</v>
      </c>
      <c r="B73" s="713" t="s">
        <v>44</v>
      </c>
      <c r="C73" s="678" t="s">
        <v>297</v>
      </c>
      <c r="D73" s="666"/>
      <c r="E73" s="680" t="s">
        <v>44</v>
      </c>
      <c r="F73" s="700" t="s">
        <v>44</v>
      </c>
      <c r="G73" s="680" t="s">
        <v>44</v>
      </c>
      <c r="H73" s="701" t="s">
        <v>44</v>
      </c>
      <c r="I73" s="701" t="s">
        <v>44</v>
      </c>
      <c r="J73" s="680" t="s">
        <v>44</v>
      </c>
      <c r="K73" s="700" t="s">
        <v>44</v>
      </c>
    </row>
    <row r="74" spans="1:11" ht="13.5" customHeight="1">
      <c r="A74" s="661"/>
      <c r="B74" s="714" t="s">
        <v>44</v>
      </c>
      <c r="C74" s="683" t="s">
        <v>298</v>
      </c>
      <c r="D74" s="704"/>
      <c r="E74" s="700" t="s">
        <v>44</v>
      </c>
      <c r="F74" s="700" t="s">
        <v>44</v>
      </c>
      <c r="G74" s="680" t="s">
        <v>44</v>
      </c>
      <c r="H74" s="703" t="s">
        <v>44</v>
      </c>
      <c r="I74" s="701" t="s">
        <v>44</v>
      </c>
      <c r="J74" s="680" t="s">
        <v>44</v>
      </c>
      <c r="K74" s="702" t="s">
        <v>44</v>
      </c>
    </row>
    <row r="75" spans="1:11" ht="13.5" customHeight="1">
      <c r="A75" s="661"/>
      <c r="B75" s="715" t="s">
        <v>44</v>
      </c>
      <c r="C75" s="687" t="s">
        <v>535</v>
      </c>
      <c r="D75" s="704"/>
      <c r="E75" s="705" t="s">
        <v>44</v>
      </c>
      <c r="F75" s="706" t="s">
        <v>44</v>
      </c>
      <c r="G75" s="699" t="s">
        <v>44</v>
      </c>
      <c r="H75" s="707" t="s">
        <v>44</v>
      </c>
      <c r="I75" s="707" t="s">
        <v>44</v>
      </c>
      <c r="J75" s="699" t="s">
        <v>44</v>
      </c>
      <c r="K75" s="706" t="s">
        <v>44</v>
      </c>
    </row>
    <row r="76" spans="1:11" ht="13.5" customHeight="1" thickBot="1">
      <c r="A76" s="685"/>
      <c r="B76" s="718" t="s">
        <v>44</v>
      </c>
      <c r="C76" s="719" t="s">
        <v>128</v>
      </c>
      <c r="D76" s="720"/>
      <c r="E76" s="721" t="s">
        <v>44</v>
      </c>
      <c r="F76" s="721" t="s">
        <v>44</v>
      </c>
      <c r="G76" s="722" t="s">
        <v>44</v>
      </c>
      <c r="H76" s="723" t="s">
        <v>44</v>
      </c>
      <c r="I76" s="723" t="s">
        <v>44</v>
      </c>
      <c r="J76" s="722" t="s">
        <v>44</v>
      </c>
      <c r="K76" s="721" t="s">
        <v>44</v>
      </c>
    </row>
    <row r="77" spans="1:11" ht="13.5" customHeight="1" thickTop="1">
      <c r="A77" s="724" t="s">
        <v>536</v>
      </c>
      <c r="B77" s="633" t="s">
        <v>537</v>
      </c>
      <c r="C77" s="633"/>
      <c r="D77" s="725"/>
      <c r="E77" s="633"/>
      <c r="F77" s="633"/>
      <c r="G77" s="633"/>
      <c r="H77" s="633"/>
      <c r="I77" s="633"/>
      <c r="J77" s="633"/>
      <c r="K77" s="633"/>
    </row>
    <row r="78" spans="1:11" ht="13.5" customHeight="1">
      <c r="A78" s="633"/>
      <c r="B78" s="633" t="s">
        <v>538</v>
      </c>
      <c r="C78" s="633"/>
      <c r="D78" s="633"/>
      <c r="E78" s="633"/>
      <c r="F78" s="633"/>
      <c r="G78" s="633"/>
      <c r="H78" s="633"/>
      <c r="I78" s="633"/>
      <c r="J78" s="633"/>
      <c r="K78" s="633"/>
    </row>
    <row r="79" spans="1:11" ht="14.25" customHeight="1">
      <c r="A79" s="633"/>
      <c r="B79" s="1309" t="s">
        <v>539</v>
      </c>
      <c r="C79" s="1310"/>
      <c r="D79" s="1310"/>
      <c r="E79" s="1310"/>
      <c r="F79" s="1310"/>
      <c r="G79" s="1310"/>
      <c r="H79" s="1310"/>
      <c r="I79" s="1310"/>
      <c r="J79" s="1310"/>
      <c r="K79" s="633"/>
    </row>
    <row r="80" spans="1:11" ht="14.25" customHeight="1">
      <c r="B80" s="1310"/>
      <c r="C80" s="1310"/>
      <c r="D80" s="1310"/>
      <c r="E80" s="1310"/>
      <c r="F80" s="1310"/>
      <c r="G80" s="1310"/>
      <c r="H80" s="1310"/>
      <c r="I80" s="1310"/>
      <c r="J80" s="1310"/>
    </row>
  </sheetData>
  <mergeCells count="38">
    <mergeCell ref="K63:K64"/>
    <mergeCell ref="B79:J80"/>
    <mergeCell ref="J49:J50"/>
    <mergeCell ref="K49:K50"/>
    <mergeCell ref="B63:B64"/>
    <mergeCell ref="C63:C64"/>
    <mergeCell ref="E63:E64"/>
    <mergeCell ref="F63:F64"/>
    <mergeCell ref="G63:G64"/>
    <mergeCell ref="H63:H64"/>
    <mergeCell ref="I63:I64"/>
    <mergeCell ref="J63:J64"/>
    <mergeCell ref="B49:B50"/>
    <mergeCell ref="C49:C50"/>
    <mergeCell ref="E49:E50"/>
    <mergeCell ref="F49:F50"/>
    <mergeCell ref="G49:G50"/>
    <mergeCell ref="H21:H22"/>
    <mergeCell ref="I21:I22"/>
    <mergeCell ref="H49:H50"/>
    <mergeCell ref="I49:I50"/>
    <mergeCell ref="J21:J22"/>
    <mergeCell ref="K21:K22"/>
    <mergeCell ref="B35:B36"/>
    <mergeCell ref="C35:C36"/>
    <mergeCell ref="E35:E36"/>
    <mergeCell ref="F35:F36"/>
    <mergeCell ref="G35:G36"/>
    <mergeCell ref="H35:H36"/>
    <mergeCell ref="G21:G22"/>
    <mergeCell ref="I35:I36"/>
    <mergeCell ref="J35:J36"/>
    <mergeCell ref="K35:K36"/>
    <mergeCell ref="C3:C4"/>
    <mergeCell ref="B21:B22"/>
    <mergeCell ref="C21:C22"/>
    <mergeCell ref="E21:E22"/>
    <mergeCell ref="F21:F22"/>
  </mergeCells>
  <phoneticPr fontId="2"/>
  <printOptions horizontalCentered="1" gridLinesSet="0"/>
  <pageMargins left="0.98425196850393704" right="0.78740157480314965" top="0.78740157480314965" bottom="0.9055118110236221" header="0.51181102362204722" footer="0.19685039370078741"/>
  <pageSetup paperSize="9" scale="74" firstPageNumber="21" fitToWidth="0" orientation="portrait" blackAndWhite="1" r:id="rId1"/>
  <headerFooter scaleWithDoc="0" alignWithMargins="0">
    <oddFooter>&amp;C&amp;"-,太字"-23-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topLeftCell="A31" zoomScale="90" zoomScaleNormal="90" zoomScaleSheetLayoutView="8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3" width="9.625" style="165" customWidth="1"/>
    <col min="24" max="24" width="9.625" style="165" bestFit="1" customWidth="1"/>
    <col min="25" max="16384" width="9" style="165"/>
  </cols>
  <sheetData>
    <row r="1" spans="1:24" ht="21" customHeight="1" thickBot="1">
      <c r="A1" s="352" t="s">
        <v>540</v>
      </c>
      <c r="B1" s="295"/>
      <c r="C1" s="353"/>
      <c r="D1" s="353"/>
      <c r="E1" s="353"/>
      <c r="F1" s="353"/>
      <c r="Q1" s="353"/>
      <c r="R1" s="353" t="s">
        <v>541</v>
      </c>
      <c r="S1" s="353"/>
      <c r="T1" s="353"/>
      <c r="W1" s="726"/>
    </row>
    <row r="2" spans="1:24" ht="16.5" customHeight="1" thickTop="1">
      <c r="A2" s="223"/>
      <c r="B2" s="113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1102" t="s">
        <v>542</v>
      </c>
      <c r="B3" s="1101"/>
      <c r="C3" s="730"/>
      <c r="D3" s="728" t="s">
        <v>543</v>
      </c>
      <c r="E3" s="729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544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46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1102"/>
      <c r="B5" s="1101" t="s">
        <v>547</v>
      </c>
      <c r="C5" s="1319"/>
      <c r="D5" s="1323" t="s">
        <v>548</v>
      </c>
      <c r="E5" s="1324"/>
      <c r="F5" s="1325"/>
      <c r="G5" s="1323" t="s">
        <v>549</v>
      </c>
      <c r="H5" s="1324"/>
      <c r="I5" s="1325"/>
      <c r="J5" s="1323" t="s">
        <v>550</v>
      </c>
      <c r="K5" s="1324"/>
      <c r="L5" s="1325"/>
      <c r="M5" s="1324" t="s">
        <v>551</v>
      </c>
      <c r="N5" s="1324"/>
      <c r="O5" s="1325"/>
      <c r="P5" s="1323" t="s">
        <v>552</v>
      </c>
      <c r="Q5" s="1324"/>
      <c r="R5" s="1325"/>
      <c r="S5" s="1323" t="s">
        <v>553</v>
      </c>
      <c r="T5" s="1324"/>
      <c r="U5" s="1325"/>
      <c r="V5" s="1323" t="s">
        <v>554</v>
      </c>
      <c r="W5" s="1324"/>
      <c r="X5" s="1324"/>
    </row>
    <row r="6" spans="1:24" ht="16.5" customHeight="1">
      <c r="A6" s="736"/>
      <c r="B6" s="1098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740" t="s">
        <v>558</v>
      </c>
      <c r="K6" s="739" t="s">
        <v>556</v>
      </c>
      <c r="L6" s="739" t="s">
        <v>557</v>
      </c>
      <c r="M6" s="737" t="s">
        <v>558</v>
      </c>
      <c r="N6" s="739" t="s">
        <v>556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9201825</v>
      </c>
      <c r="C8" s="746" t="s">
        <v>214</v>
      </c>
      <c r="D8" s="747">
        <v>20200</v>
      </c>
      <c r="E8" s="748">
        <v>8288</v>
      </c>
      <c r="F8" s="747">
        <v>11912</v>
      </c>
      <c r="G8" s="745">
        <v>-19600</v>
      </c>
      <c r="H8" s="748">
        <v>-11739</v>
      </c>
      <c r="I8" s="747">
        <v>-7861</v>
      </c>
      <c r="J8" s="745">
        <v>64905</v>
      </c>
      <c r="K8" s="748">
        <v>33332</v>
      </c>
      <c r="L8" s="748">
        <v>31573</v>
      </c>
      <c r="M8" s="747">
        <v>84505</v>
      </c>
      <c r="N8" s="748">
        <v>45071</v>
      </c>
      <c r="O8" s="749">
        <v>39434</v>
      </c>
      <c r="P8" s="747">
        <v>39800</v>
      </c>
      <c r="Q8" s="748">
        <v>20027</v>
      </c>
      <c r="R8" s="747">
        <v>19773</v>
      </c>
      <c r="S8" s="745">
        <v>514781</v>
      </c>
      <c r="T8" s="748">
        <v>275610</v>
      </c>
      <c r="U8" s="749">
        <v>239171</v>
      </c>
      <c r="V8" s="747">
        <v>474981</v>
      </c>
      <c r="W8" s="748">
        <v>255583</v>
      </c>
      <c r="X8" s="747">
        <v>219398</v>
      </c>
    </row>
    <row r="9" spans="1:24" ht="16.5" customHeight="1">
      <c r="A9" s="211"/>
      <c r="B9" s="750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346881</v>
      </c>
      <c r="C10" s="756" t="s">
        <v>559</v>
      </c>
      <c r="D10" s="757">
        <v>65353</v>
      </c>
      <c r="E10" s="758">
        <v>33531</v>
      </c>
      <c r="F10" s="757">
        <v>31822</v>
      </c>
      <c r="G10" s="755">
        <v>64738</v>
      </c>
      <c r="H10" s="758">
        <v>33249</v>
      </c>
      <c r="I10" s="757">
        <v>31489</v>
      </c>
      <c r="J10" s="759">
        <v>64905</v>
      </c>
      <c r="K10" s="759">
        <v>33332</v>
      </c>
      <c r="L10" s="759">
        <v>31573</v>
      </c>
      <c r="M10" s="769">
        <v>167</v>
      </c>
      <c r="N10" s="759">
        <v>83</v>
      </c>
      <c r="O10" s="759">
        <v>84</v>
      </c>
      <c r="P10" s="757">
        <v>615</v>
      </c>
      <c r="Q10" s="758">
        <v>282</v>
      </c>
      <c r="R10" s="757">
        <v>333</v>
      </c>
      <c r="S10" s="759">
        <v>26908</v>
      </c>
      <c r="T10" s="759">
        <v>13890</v>
      </c>
      <c r="U10" s="757">
        <v>13018</v>
      </c>
      <c r="V10" s="759">
        <v>26293</v>
      </c>
      <c r="W10" s="759">
        <v>13608</v>
      </c>
      <c r="X10" s="760">
        <v>12685</v>
      </c>
    </row>
    <row r="11" spans="1:24" ht="16.5" customHeight="1">
      <c r="A11" s="211"/>
      <c r="B11" s="755">
        <v>365929</v>
      </c>
      <c r="C11" s="756" t="s">
        <v>560</v>
      </c>
      <c r="D11" s="757">
        <v>25</v>
      </c>
      <c r="E11" s="758">
        <v>71</v>
      </c>
      <c r="F11" s="757">
        <v>-46</v>
      </c>
      <c r="G11" s="755">
        <v>-20</v>
      </c>
      <c r="H11" s="758">
        <v>-9</v>
      </c>
      <c r="I11" s="757">
        <v>-11</v>
      </c>
      <c r="J11" s="761" t="s">
        <v>44</v>
      </c>
      <c r="K11" s="762" t="s">
        <v>44</v>
      </c>
      <c r="L11" s="762" t="s">
        <v>44</v>
      </c>
      <c r="M11" s="770">
        <v>20</v>
      </c>
      <c r="N11" s="758">
        <v>9</v>
      </c>
      <c r="O11" s="758">
        <v>11</v>
      </c>
      <c r="P11" s="757">
        <v>45</v>
      </c>
      <c r="Q11" s="758">
        <v>80</v>
      </c>
      <c r="R11" s="757">
        <v>-35</v>
      </c>
      <c r="S11" s="758">
        <v>13356</v>
      </c>
      <c r="T11" s="758">
        <v>6834</v>
      </c>
      <c r="U11" s="757">
        <v>6522</v>
      </c>
      <c r="V11" s="758">
        <v>13311</v>
      </c>
      <c r="W11" s="758">
        <v>6754</v>
      </c>
      <c r="X11" s="755">
        <v>6557</v>
      </c>
    </row>
    <row r="12" spans="1:24" ht="16.5" customHeight="1">
      <c r="A12" s="211"/>
      <c r="B12" s="755">
        <v>381592</v>
      </c>
      <c r="C12" s="756" t="s">
        <v>561</v>
      </c>
      <c r="D12" s="757">
        <v>693</v>
      </c>
      <c r="E12" s="758">
        <v>322</v>
      </c>
      <c r="F12" s="757">
        <v>371</v>
      </c>
      <c r="G12" s="755">
        <v>-32</v>
      </c>
      <c r="H12" s="758">
        <v>-13</v>
      </c>
      <c r="I12" s="757">
        <v>-19</v>
      </c>
      <c r="J12" s="761" t="s">
        <v>44</v>
      </c>
      <c r="K12" s="762" t="s">
        <v>44</v>
      </c>
      <c r="L12" s="762" t="s">
        <v>44</v>
      </c>
      <c r="M12" s="770">
        <v>32</v>
      </c>
      <c r="N12" s="758">
        <v>13</v>
      </c>
      <c r="O12" s="758">
        <v>19</v>
      </c>
      <c r="P12" s="757">
        <v>725</v>
      </c>
      <c r="Q12" s="758">
        <v>335</v>
      </c>
      <c r="R12" s="757">
        <v>390</v>
      </c>
      <c r="S12" s="758">
        <v>7704</v>
      </c>
      <c r="T12" s="758">
        <v>3859</v>
      </c>
      <c r="U12" s="757">
        <v>3845</v>
      </c>
      <c r="V12" s="758">
        <v>6979</v>
      </c>
      <c r="W12" s="758">
        <v>3524</v>
      </c>
      <c r="X12" s="755">
        <v>3455</v>
      </c>
    </row>
    <row r="13" spans="1:24" ht="16.5" customHeight="1">
      <c r="A13" s="211"/>
      <c r="B13" s="755">
        <v>414305</v>
      </c>
      <c r="C13" s="756" t="s">
        <v>562</v>
      </c>
      <c r="D13" s="757">
        <v>7241</v>
      </c>
      <c r="E13" s="758">
        <v>4138</v>
      </c>
      <c r="F13" s="757">
        <v>3103</v>
      </c>
      <c r="G13" s="755">
        <v>-89</v>
      </c>
      <c r="H13" s="758">
        <v>-58</v>
      </c>
      <c r="I13" s="757">
        <v>-31</v>
      </c>
      <c r="J13" s="761" t="s">
        <v>44</v>
      </c>
      <c r="K13" s="762" t="s">
        <v>44</v>
      </c>
      <c r="L13" s="762" t="s">
        <v>44</v>
      </c>
      <c r="M13" s="770">
        <v>89</v>
      </c>
      <c r="N13" s="758">
        <v>58</v>
      </c>
      <c r="O13" s="758">
        <v>31</v>
      </c>
      <c r="P13" s="757">
        <v>7330</v>
      </c>
      <c r="Q13" s="758">
        <v>4196</v>
      </c>
      <c r="R13" s="757">
        <v>3134</v>
      </c>
      <c r="S13" s="758">
        <v>21311</v>
      </c>
      <c r="T13" s="758">
        <v>12001</v>
      </c>
      <c r="U13" s="757">
        <v>9310</v>
      </c>
      <c r="V13" s="758">
        <v>13981</v>
      </c>
      <c r="W13" s="758">
        <v>7805</v>
      </c>
      <c r="X13" s="755">
        <v>6176</v>
      </c>
    </row>
    <row r="14" spans="1:24" ht="16.5" customHeight="1">
      <c r="A14" s="211"/>
      <c r="B14" s="755">
        <v>506863</v>
      </c>
      <c r="C14" s="763" t="s">
        <v>563</v>
      </c>
      <c r="D14" s="764">
        <v>16468</v>
      </c>
      <c r="E14" s="765">
        <v>8331</v>
      </c>
      <c r="F14" s="764">
        <v>8137</v>
      </c>
      <c r="G14" s="766">
        <v>-142</v>
      </c>
      <c r="H14" s="765">
        <v>-103</v>
      </c>
      <c r="I14" s="764">
        <v>-39</v>
      </c>
      <c r="J14" s="767" t="s">
        <v>44</v>
      </c>
      <c r="K14" s="768" t="s">
        <v>44</v>
      </c>
      <c r="L14" s="768" t="s">
        <v>44</v>
      </c>
      <c r="M14" s="770">
        <v>142</v>
      </c>
      <c r="N14" s="758">
        <v>103</v>
      </c>
      <c r="O14" s="758">
        <v>39</v>
      </c>
      <c r="P14" s="764">
        <v>16610</v>
      </c>
      <c r="Q14" s="765">
        <v>8434</v>
      </c>
      <c r="R14" s="764">
        <v>8176</v>
      </c>
      <c r="S14" s="758">
        <v>87536</v>
      </c>
      <c r="T14" s="758">
        <v>45824</v>
      </c>
      <c r="U14" s="757">
        <v>41712</v>
      </c>
      <c r="V14" s="758">
        <v>70926</v>
      </c>
      <c r="W14" s="758">
        <v>37390</v>
      </c>
      <c r="X14" s="755">
        <v>33536</v>
      </c>
    </row>
    <row r="15" spans="1:24" ht="16.5" customHeight="1">
      <c r="A15" s="211"/>
      <c r="B15" s="759">
        <v>505423</v>
      </c>
      <c r="C15" s="756" t="s">
        <v>564</v>
      </c>
      <c r="D15" s="757">
        <v>6642</v>
      </c>
      <c r="E15" s="758">
        <v>4099</v>
      </c>
      <c r="F15" s="757">
        <v>2543</v>
      </c>
      <c r="G15" s="755">
        <v>-157</v>
      </c>
      <c r="H15" s="758">
        <v>-108</v>
      </c>
      <c r="I15" s="757">
        <v>-49</v>
      </c>
      <c r="J15" s="761" t="s">
        <v>44</v>
      </c>
      <c r="K15" s="762" t="s">
        <v>44</v>
      </c>
      <c r="L15" s="762" t="s">
        <v>44</v>
      </c>
      <c r="M15" s="769">
        <v>157</v>
      </c>
      <c r="N15" s="759">
        <v>108</v>
      </c>
      <c r="O15" s="759">
        <v>49</v>
      </c>
      <c r="P15" s="757">
        <v>6799</v>
      </c>
      <c r="Q15" s="758">
        <v>4207</v>
      </c>
      <c r="R15" s="757">
        <v>2592</v>
      </c>
      <c r="S15" s="759">
        <v>105598</v>
      </c>
      <c r="T15" s="759">
        <v>56543</v>
      </c>
      <c r="U15" s="769">
        <v>49055</v>
      </c>
      <c r="V15" s="759">
        <v>98799</v>
      </c>
      <c r="W15" s="759">
        <v>52336</v>
      </c>
      <c r="X15" s="760">
        <v>46463</v>
      </c>
    </row>
    <row r="16" spans="1:24" ht="16.5" customHeight="1">
      <c r="A16" s="211"/>
      <c r="B16" s="758">
        <v>506076</v>
      </c>
      <c r="C16" s="756" t="s">
        <v>479</v>
      </c>
      <c r="D16" s="757">
        <v>2023</v>
      </c>
      <c r="E16" s="758">
        <v>991</v>
      </c>
      <c r="F16" s="757">
        <v>1032</v>
      </c>
      <c r="G16" s="755">
        <v>-214</v>
      </c>
      <c r="H16" s="758">
        <v>-152</v>
      </c>
      <c r="I16" s="757">
        <v>-62</v>
      </c>
      <c r="J16" s="761" t="s">
        <v>44</v>
      </c>
      <c r="K16" s="762" t="s">
        <v>44</v>
      </c>
      <c r="L16" s="762" t="s">
        <v>44</v>
      </c>
      <c r="M16" s="770">
        <v>214</v>
      </c>
      <c r="N16" s="758">
        <v>152</v>
      </c>
      <c r="O16" s="758">
        <v>62</v>
      </c>
      <c r="P16" s="757">
        <v>2237</v>
      </c>
      <c r="Q16" s="758">
        <v>1143</v>
      </c>
      <c r="R16" s="757">
        <v>1094</v>
      </c>
      <c r="S16" s="758">
        <v>73409</v>
      </c>
      <c r="T16" s="758">
        <v>39496</v>
      </c>
      <c r="U16" s="770">
        <v>33913</v>
      </c>
      <c r="V16" s="758">
        <v>71172</v>
      </c>
      <c r="W16" s="758">
        <v>38353</v>
      </c>
      <c r="X16" s="755">
        <v>32819</v>
      </c>
    </row>
    <row r="17" spans="1:24" ht="16.5" customHeight="1">
      <c r="A17" s="729" t="s">
        <v>565</v>
      </c>
      <c r="B17" s="758">
        <v>570638</v>
      </c>
      <c r="C17" s="756" t="s">
        <v>566</v>
      </c>
      <c r="D17" s="757">
        <v>1221</v>
      </c>
      <c r="E17" s="758">
        <v>505</v>
      </c>
      <c r="F17" s="757">
        <v>716</v>
      </c>
      <c r="G17" s="755">
        <v>-308</v>
      </c>
      <c r="H17" s="758">
        <v>-190</v>
      </c>
      <c r="I17" s="757">
        <v>-118</v>
      </c>
      <c r="J17" s="761" t="s">
        <v>44</v>
      </c>
      <c r="K17" s="762" t="s">
        <v>44</v>
      </c>
      <c r="L17" s="762" t="s">
        <v>44</v>
      </c>
      <c r="M17" s="770">
        <v>308</v>
      </c>
      <c r="N17" s="758">
        <v>190</v>
      </c>
      <c r="O17" s="758">
        <v>118</v>
      </c>
      <c r="P17" s="757">
        <v>1529</v>
      </c>
      <c r="Q17" s="758">
        <v>695</v>
      </c>
      <c r="R17" s="757">
        <v>834</v>
      </c>
      <c r="S17" s="758">
        <v>47745</v>
      </c>
      <c r="T17" s="758">
        <v>26643</v>
      </c>
      <c r="U17" s="770">
        <v>21102</v>
      </c>
      <c r="V17" s="758">
        <v>46216</v>
      </c>
      <c r="W17" s="758">
        <v>25948</v>
      </c>
      <c r="X17" s="755">
        <v>20268</v>
      </c>
    </row>
    <row r="18" spans="1:24" ht="16.5" customHeight="1">
      <c r="A18" s="731"/>
      <c r="B18" s="758">
        <v>662764</v>
      </c>
      <c r="C18" s="756" t="s">
        <v>567</v>
      </c>
      <c r="D18" s="757">
        <v>364</v>
      </c>
      <c r="E18" s="758">
        <v>98</v>
      </c>
      <c r="F18" s="757">
        <v>266</v>
      </c>
      <c r="G18" s="755">
        <v>-540</v>
      </c>
      <c r="H18" s="758">
        <v>-332</v>
      </c>
      <c r="I18" s="757">
        <v>-208</v>
      </c>
      <c r="J18" s="761" t="s">
        <v>44</v>
      </c>
      <c r="K18" s="762" t="s">
        <v>44</v>
      </c>
      <c r="L18" s="762" t="s">
        <v>44</v>
      </c>
      <c r="M18" s="770">
        <v>540</v>
      </c>
      <c r="N18" s="758">
        <v>332</v>
      </c>
      <c r="O18" s="758">
        <v>208</v>
      </c>
      <c r="P18" s="757">
        <v>904</v>
      </c>
      <c r="Q18" s="758">
        <v>430</v>
      </c>
      <c r="R18" s="757">
        <v>474</v>
      </c>
      <c r="S18" s="758">
        <v>31841</v>
      </c>
      <c r="T18" s="758">
        <v>18261</v>
      </c>
      <c r="U18" s="770">
        <v>13580</v>
      </c>
      <c r="V18" s="758">
        <v>30937</v>
      </c>
      <c r="W18" s="758">
        <v>17831</v>
      </c>
      <c r="X18" s="755">
        <v>13106</v>
      </c>
    </row>
    <row r="19" spans="1:24" ht="16.5" customHeight="1">
      <c r="A19" s="731"/>
      <c r="B19" s="765">
        <v>783639</v>
      </c>
      <c r="C19" s="763" t="s">
        <v>568</v>
      </c>
      <c r="D19" s="764">
        <v>-82</v>
      </c>
      <c r="E19" s="765">
        <v>-435</v>
      </c>
      <c r="F19" s="764">
        <v>353</v>
      </c>
      <c r="G19" s="766">
        <v>-991</v>
      </c>
      <c r="H19" s="765">
        <v>-608</v>
      </c>
      <c r="I19" s="764">
        <v>-383</v>
      </c>
      <c r="J19" s="767" t="s">
        <v>44</v>
      </c>
      <c r="K19" s="768" t="s">
        <v>44</v>
      </c>
      <c r="L19" s="768" t="s">
        <v>44</v>
      </c>
      <c r="M19" s="770">
        <v>991</v>
      </c>
      <c r="N19" s="765">
        <v>608</v>
      </c>
      <c r="O19" s="765">
        <v>383</v>
      </c>
      <c r="P19" s="764">
        <v>909</v>
      </c>
      <c r="Q19" s="765">
        <v>173</v>
      </c>
      <c r="R19" s="764">
        <v>736</v>
      </c>
      <c r="S19" s="758">
        <v>25548</v>
      </c>
      <c r="T19" s="765">
        <v>14562</v>
      </c>
      <c r="U19" s="771">
        <v>10986</v>
      </c>
      <c r="V19" s="758">
        <v>24639</v>
      </c>
      <c r="W19" s="765">
        <v>14389</v>
      </c>
      <c r="X19" s="766">
        <v>10250</v>
      </c>
    </row>
    <row r="20" spans="1:24" ht="16.5" customHeight="1">
      <c r="A20" s="731"/>
      <c r="B20" s="755">
        <v>703176</v>
      </c>
      <c r="C20" s="756" t="s">
        <v>569</v>
      </c>
      <c r="D20" s="757">
        <v>-1037</v>
      </c>
      <c r="E20" s="758">
        <v>-832</v>
      </c>
      <c r="F20" s="757">
        <v>-205</v>
      </c>
      <c r="G20" s="755">
        <v>-1459</v>
      </c>
      <c r="H20" s="758">
        <v>-969</v>
      </c>
      <c r="I20" s="757">
        <v>-490</v>
      </c>
      <c r="J20" s="761" t="s">
        <v>44</v>
      </c>
      <c r="K20" s="762" t="s">
        <v>44</v>
      </c>
      <c r="L20" s="762" t="s">
        <v>44</v>
      </c>
      <c r="M20" s="769">
        <v>1459</v>
      </c>
      <c r="N20" s="758">
        <v>969</v>
      </c>
      <c r="O20" s="758">
        <v>490</v>
      </c>
      <c r="P20" s="757">
        <v>422</v>
      </c>
      <c r="Q20" s="758">
        <v>137</v>
      </c>
      <c r="R20" s="757">
        <v>285</v>
      </c>
      <c r="S20" s="759">
        <v>19145</v>
      </c>
      <c r="T20" s="758">
        <v>10994</v>
      </c>
      <c r="U20" s="757">
        <v>8151</v>
      </c>
      <c r="V20" s="759">
        <v>18723</v>
      </c>
      <c r="W20" s="758">
        <v>10857</v>
      </c>
      <c r="X20" s="755">
        <v>7866</v>
      </c>
    </row>
    <row r="21" spans="1:24" ht="16.5" customHeight="1">
      <c r="A21" s="731"/>
      <c r="B21" s="755">
        <v>574414</v>
      </c>
      <c r="C21" s="756" t="s">
        <v>570</v>
      </c>
      <c r="D21" s="757">
        <v>-1964</v>
      </c>
      <c r="E21" s="758">
        <v>-1343</v>
      </c>
      <c r="F21" s="757">
        <v>-621</v>
      </c>
      <c r="G21" s="755">
        <v>-1950</v>
      </c>
      <c r="H21" s="758">
        <v>-1332</v>
      </c>
      <c r="I21" s="757">
        <v>-618</v>
      </c>
      <c r="J21" s="761" t="s">
        <v>44</v>
      </c>
      <c r="K21" s="762" t="s">
        <v>44</v>
      </c>
      <c r="L21" s="762" t="s">
        <v>44</v>
      </c>
      <c r="M21" s="770">
        <v>1950</v>
      </c>
      <c r="N21" s="758">
        <v>1332</v>
      </c>
      <c r="O21" s="758">
        <v>618</v>
      </c>
      <c r="P21" s="757">
        <v>-14</v>
      </c>
      <c r="Q21" s="758">
        <v>-11</v>
      </c>
      <c r="R21" s="757">
        <v>-3</v>
      </c>
      <c r="S21" s="758">
        <v>13341</v>
      </c>
      <c r="T21" s="758">
        <v>7627</v>
      </c>
      <c r="U21" s="757">
        <v>5714</v>
      </c>
      <c r="V21" s="758">
        <v>13355</v>
      </c>
      <c r="W21" s="758">
        <v>7638</v>
      </c>
      <c r="X21" s="755">
        <v>5717</v>
      </c>
    </row>
    <row r="22" spans="1:24" ht="16.5" customHeight="1">
      <c r="A22" s="729" t="s">
        <v>571</v>
      </c>
      <c r="B22" s="755">
        <v>485502</v>
      </c>
      <c r="C22" s="756" t="s">
        <v>572</v>
      </c>
      <c r="D22" s="757">
        <v>-3020</v>
      </c>
      <c r="E22" s="758">
        <v>-2070</v>
      </c>
      <c r="F22" s="757">
        <v>-950</v>
      </c>
      <c r="G22" s="755">
        <v>-2626</v>
      </c>
      <c r="H22" s="758">
        <v>-1795</v>
      </c>
      <c r="I22" s="757">
        <v>-831</v>
      </c>
      <c r="J22" s="761" t="s">
        <v>44</v>
      </c>
      <c r="K22" s="762" t="s">
        <v>44</v>
      </c>
      <c r="L22" s="762" t="s">
        <v>44</v>
      </c>
      <c r="M22" s="770">
        <v>2626</v>
      </c>
      <c r="N22" s="758">
        <v>1795</v>
      </c>
      <c r="O22" s="758">
        <v>831</v>
      </c>
      <c r="P22" s="757">
        <v>-394</v>
      </c>
      <c r="Q22" s="758">
        <v>-275</v>
      </c>
      <c r="R22" s="757">
        <v>-119</v>
      </c>
      <c r="S22" s="758">
        <v>9488</v>
      </c>
      <c r="T22" s="758">
        <v>5533</v>
      </c>
      <c r="U22" s="757">
        <v>3955</v>
      </c>
      <c r="V22" s="758">
        <v>9882</v>
      </c>
      <c r="W22" s="758">
        <v>5808</v>
      </c>
      <c r="X22" s="755">
        <v>4074</v>
      </c>
    </row>
    <row r="23" spans="1:24" ht="16.5" customHeight="1">
      <c r="A23" s="211"/>
      <c r="B23" s="755">
        <v>536795</v>
      </c>
      <c r="C23" s="756" t="s">
        <v>573</v>
      </c>
      <c r="D23" s="757">
        <v>-4966</v>
      </c>
      <c r="E23" s="758">
        <v>-3455</v>
      </c>
      <c r="F23" s="757">
        <v>-1511</v>
      </c>
      <c r="G23" s="755">
        <v>-4601</v>
      </c>
      <c r="H23" s="758">
        <v>-3181</v>
      </c>
      <c r="I23" s="757">
        <v>-1420</v>
      </c>
      <c r="J23" s="761" t="s">
        <v>44</v>
      </c>
      <c r="K23" s="762" t="s">
        <v>44</v>
      </c>
      <c r="L23" s="762" t="s">
        <v>44</v>
      </c>
      <c r="M23" s="770">
        <v>4601</v>
      </c>
      <c r="N23" s="758">
        <v>3181</v>
      </c>
      <c r="O23" s="758">
        <v>1420</v>
      </c>
      <c r="P23" s="757">
        <v>-365</v>
      </c>
      <c r="Q23" s="758">
        <v>-274</v>
      </c>
      <c r="R23" s="757">
        <v>-91</v>
      </c>
      <c r="S23" s="758">
        <v>7582</v>
      </c>
      <c r="T23" s="758">
        <v>4159</v>
      </c>
      <c r="U23" s="757">
        <v>3423</v>
      </c>
      <c r="V23" s="758">
        <v>7947</v>
      </c>
      <c r="W23" s="758">
        <v>4433</v>
      </c>
      <c r="X23" s="755">
        <v>3514</v>
      </c>
    </row>
    <row r="24" spans="1:24" ht="16.5" customHeight="1">
      <c r="A24" s="211"/>
      <c r="B24" s="755">
        <v>583820</v>
      </c>
      <c r="C24" s="756" t="s">
        <v>574</v>
      </c>
      <c r="D24" s="764">
        <v>-7540</v>
      </c>
      <c r="E24" s="765">
        <v>-5215</v>
      </c>
      <c r="F24" s="764">
        <v>-2325</v>
      </c>
      <c r="G24" s="766">
        <v>-7743</v>
      </c>
      <c r="H24" s="765">
        <v>-5217</v>
      </c>
      <c r="I24" s="764">
        <v>-2526</v>
      </c>
      <c r="J24" s="767" t="s">
        <v>44</v>
      </c>
      <c r="K24" s="768" t="s">
        <v>44</v>
      </c>
      <c r="L24" s="768" t="s">
        <v>44</v>
      </c>
      <c r="M24" s="770">
        <v>7743</v>
      </c>
      <c r="N24" s="758">
        <v>5217</v>
      </c>
      <c r="O24" s="758">
        <v>2526</v>
      </c>
      <c r="P24" s="764">
        <v>203</v>
      </c>
      <c r="Q24" s="765">
        <v>2</v>
      </c>
      <c r="R24" s="764">
        <v>201</v>
      </c>
      <c r="S24" s="758">
        <v>6745</v>
      </c>
      <c r="T24" s="758">
        <v>3366</v>
      </c>
      <c r="U24" s="757">
        <v>3379</v>
      </c>
      <c r="V24" s="758">
        <v>6542</v>
      </c>
      <c r="W24" s="758">
        <v>3364</v>
      </c>
      <c r="X24" s="755">
        <v>3178</v>
      </c>
    </row>
    <row r="25" spans="1:24" ht="16.5" customHeight="1">
      <c r="A25" s="211"/>
      <c r="B25" s="759">
        <v>498335</v>
      </c>
      <c r="C25" s="772" t="s">
        <v>575</v>
      </c>
      <c r="D25" s="757">
        <v>-10388</v>
      </c>
      <c r="E25" s="758">
        <v>-6941</v>
      </c>
      <c r="F25" s="757">
        <v>-3447</v>
      </c>
      <c r="G25" s="755">
        <v>-10781</v>
      </c>
      <c r="H25" s="758">
        <v>-7060</v>
      </c>
      <c r="I25" s="757">
        <v>-3721</v>
      </c>
      <c r="J25" s="761" t="s">
        <v>44</v>
      </c>
      <c r="K25" s="762" t="s">
        <v>44</v>
      </c>
      <c r="L25" s="762" t="s">
        <v>44</v>
      </c>
      <c r="M25" s="769">
        <v>10781</v>
      </c>
      <c r="N25" s="759">
        <v>7060</v>
      </c>
      <c r="O25" s="759">
        <v>3721</v>
      </c>
      <c r="P25" s="757">
        <v>393</v>
      </c>
      <c r="Q25" s="758">
        <v>119</v>
      </c>
      <c r="R25" s="757">
        <v>274</v>
      </c>
      <c r="S25" s="759">
        <v>5521</v>
      </c>
      <c r="T25" s="759">
        <v>2342</v>
      </c>
      <c r="U25" s="769">
        <v>3179</v>
      </c>
      <c r="V25" s="759">
        <v>5128</v>
      </c>
      <c r="W25" s="759">
        <v>2223</v>
      </c>
      <c r="X25" s="760">
        <v>2905</v>
      </c>
    </row>
    <row r="26" spans="1:24" ht="16.5" customHeight="1">
      <c r="A26" s="211"/>
      <c r="B26" s="758">
        <v>347805</v>
      </c>
      <c r="C26" s="756" t="s">
        <v>576</v>
      </c>
      <c r="D26" s="757">
        <v>-13435</v>
      </c>
      <c r="E26" s="758">
        <v>-8247</v>
      </c>
      <c r="F26" s="757">
        <v>-5188</v>
      </c>
      <c r="G26" s="755">
        <v>-14032</v>
      </c>
      <c r="H26" s="758">
        <v>-8361</v>
      </c>
      <c r="I26" s="757">
        <v>-5671</v>
      </c>
      <c r="J26" s="761" t="s">
        <v>44</v>
      </c>
      <c r="K26" s="762" t="s">
        <v>44</v>
      </c>
      <c r="L26" s="762" t="s">
        <v>44</v>
      </c>
      <c r="M26" s="770">
        <v>14032</v>
      </c>
      <c r="N26" s="758">
        <v>8361</v>
      </c>
      <c r="O26" s="758">
        <v>5671</v>
      </c>
      <c r="P26" s="757">
        <v>597</v>
      </c>
      <c r="Q26" s="758">
        <v>114</v>
      </c>
      <c r="R26" s="757">
        <v>483</v>
      </c>
      <c r="S26" s="758">
        <v>4826</v>
      </c>
      <c r="T26" s="758">
        <v>1731</v>
      </c>
      <c r="U26" s="770">
        <v>3095</v>
      </c>
      <c r="V26" s="758">
        <v>4229</v>
      </c>
      <c r="W26" s="758">
        <v>1617</v>
      </c>
      <c r="X26" s="755">
        <v>2612</v>
      </c>
    </row>
    <row r="27" spans="1:24" ht="16.5" customHeight="1">
      <c r="A27" s="211"/>
      <c r="B27" s="758">
        <v>214991</v>
      </c>
      <c r="C27" s="756" t="s">
        <v>577</v>
      </c>
      <c r="D27" s="757">
        <v>-15565</v>
      </c>
      <c r="E27" s="758">
        <v>-8002</v>
      </c>
      <c r="F27" s="757">
        <v>-7563</v>
      </c>
      <c r="G27" s="755">
        <v>-16291</v>
      </c>
      <c r="H27" s="758">
        <v>-8162</v>
      </c>
      <c r="I27" s="757">
        <v>-8129</v>
      </c>
      <c r="J27" s="761" t="s">
        <v>44</v>
      </c>
      <c r="K27" s="762" t="s">
        <v>44</v>
      </c>
      <c r="L27" s="762" t="s">
        <v>44</v>
      </c>
      <c r="M27" s="770">
        <v>16291</v>
      </c>
      <c r="N27" s="758">
        <v>8162</v>
      </c>
      <c r="O27" s="770">
        <v>8129</v>
      </c>
      <c r="P27" s="757">
        <v>726</v>
      </c>
      <c r="Q27" s="758">
        <v>160</v>
      </c>
      <c r="R27" s="757">
        <v>566</v>
      </c>
      <c r="S27" s="758">
        <v>4167</v>
      </c>
      <c r="T27" s="758">
        <v>1201</v>
      </c>
      <c r="U27" s="770">
        <v>2966</v>
      </c>
      <c r="V27" s="758">
        <v>3441</v>
      </c>
      <c r="W27" s="758">
        <v>1041</v>
      </c>
      <c r="X27" s="755">
        <v>2400</v>
      </c>
    </row>
    <row r="28" spans="1:24" ht="16.5" customHeight="1">
      <c r="A28" s="211"/>
      <c r="B28" s="758">
        <v>98279</v>
      </c>
      <c r="C28" s="756" t="s">
        <v>578</v>
      </c>
      <c r="D28" s="757">
        <v>-13520</v>
      </c>
      <c r="E28" s="758">
        <v>-5301</v>
      </c>
      <c r="F28" s="757">
        <v>-8219</v>
      </c>
      <c r="G28" s="755">
        <v>-13920</v>
      </c>
      <c r="H28" s="758">
        <v>-5357</v>
      </c>
      <c r="I28" s="757">
        <v>-8563</v>
      </c>
      <c r="J28" s="761" t="s">
        <v>44</v>
      </c>
      <c r="K28" s="762" t="s">
        <v>44</v>
      </c>
      <c r="L28" s="762" t="s">
        <v>44</v>
      </c>
      <c r="M28" s="770">
        <v>13920</v>
      </c>
      <c r="N28" s="758">
        <v>5357</v>
      </c>
      <c r="O28" s="770">
        <v>8563</v>
      </c>
      <c r="P28" s="757">
        <v>400</v>
      </c>
      <c r="Q28" s="758">
        <v>56</v>
      </c>
      <c r="R28" s="757">
        <v>344</v>
      </c>
      <c r="S28" s="758">
        <v>2287</v>
      </c>
      <c r="T28" s="758">
        <v>601</v>
      </c>
      <c r="U28" s="770">
        <v>1686</v>
      </c>
      <c r="V28" s="758">
        <v>1887</v>
      </c>
      <c r="W28" s="758">
        <v>545</v>
      </c>
      <c r="X28" s="755">
        <v>1342</v>
      </c>
    </row>
    <row r="29" spans="1:24" ht="16.5" customHeight="1">
      <c r="A29" s="211"/>
      <c r="B29" s="765">
        <v>26895</v>
      </c>
      <c r="C29" s="763" t="s">
        <v>579</v>
      </c>
      <c r="D29" s="764">
        <v>-6488</v>
      </c>
      <c r="E29" s="765">
        <v>-1657</v>
      </c>
      <c r="F29" s="764">
        <v>-4831</v>
      </c>
      <c r="G29" s="766">
        <v>-6600</v>
      </c>
      <c r="H29" s="765">
        <v>-1678</v>
      </c>
      <c r="I29" s="764">
        <v>-4922</v>
      </c>
      <c r="J29" s="767" t="s">
        <v>44</v>
      </c>
      <c r="K29" s="768" t="s">
        <v>44</v>
      </c>
      <c r="L29" s="768" t="s">
        <v>44</v>
      </c>
      <c r="M29" s="770">
        <v>6600</v>
      </c>
      <c r="N29" s="765">
        <v>1678</v>
      </c>
      <c r="O29" s="771">
        <v>4922</v>
      </c>
      <c r="P29" s="764">
        <v>112</v>
      </c>
      <c r="Q29" s="765">
        <v>21</v>
      </c>
      <c r="R29" s="764">
        <v>91</v>
      </c>
      <c r="S29" s="758">
        <v>652</v>
      </c>
      <c r="T29" s="765">
        <v>134</v>
      </c>
      <c r="U29" s="771">
        <v>518</v>
      </c>
      <c r="V29" s="758">
        <v>540</v>
      </c>
      <c r="W29" s="765">
        <v>113</v>
      </c>
      <c r="X29" s="766">
        <v>427</v>
      </c>
    </row>
    <row r="30" spans="1:24" ht="16.5" customHeight="1">
      <c r="A30" s="211"/>
      <c r="B30" s="773">
        <v>4777</v>
      </c>
      <c r="C30" s="774" t="s">
        <v>580</v>
      </c>
      <c r="D30" s="771">
        <v>-1825</v>
      </c>
      <c r="E30" s="765">
        <v>-300</v>
      </c>
      <c r="F30" s="766">
        <v>-1525</v>
      </c>
      <c r="G30" s="766">
        <v>-1842</v>
      </c>
      <c r="H30" s="765">
        <v>-303</v>
      </c>
      <c r="I30" s="764">
        <v>-1539</v>
      </c>
      <c r="J30" s="775" t="s">
        <v>44</v>
      </c>
      <c r="K30" s="776" t="s">
        <v>44</v>
      </c>
      <c r="L30" s="776" t="s">
        <v>44</v>
      </c>
      <c r="M30" s="777">
        <v>1842</v>
      </c>
      <c r="N30" s="773">
        <v>303</v>
      </c>
      <c r="O30" s="777">
        <v>1539</v>
      </c>
      <c r="P30" s="764">
        <v>17</v>
      </c>
      <c r="Q30" s="765">
        <v>3</v>
      </c>
      <c r="R30" s="766">
        <v>14</v>
      </c>
      <c r="S30" s="759">
        <v>71</v>
      </c>
      <c r="T30" s="773">
        <v>9</v>
      </c>
      <c r="U30" s="777">
        <v>62</v>
      </c>
      <c r="V30" s="773">
        <v>54</v>
      </c>
      <c r="W30" s="773">
        <v>6</v>
      </c>
      <c r="X30" s="778">
        <v>48</v>
      </c>
    </row>
    <row r="31" spans="1:24" ht="16.5" customHeight="1">
      <c r="A31" s="211"/>
      <c r="B31" s="755">
        <v>82926</v>
      </c>
      <c r="C31" s="779" t="s">
        <v>128</v>
      </c>
      <c r="D31" s="780" t="s">
        <v>44</v>
      </c>
      <c r="E31" s="781" t="s">
        <v>44</v>
      </c>
      <c r="F31" s="782" t="s">
        <v>44</v>
      </c>
      <c r="G31" s="782" t="s">
        <v>44</v>
      </c>
      <c r="H31" s="782" t="s">
        <v>44</v>
      </c>
      <c r="I31" s="780" t="s">
        <v>44</v>
      </c>
      <c r="J31" s="783" t="s">
        <v>44</v>
      </c>
      <c r="K31" s="782" t="s">
        <v>44</v>
      </c>
      <c r="L31" s="782" t="s">
        <v>44</v>
      </c>
      <c r="M31" s="780" t="s">
        <v>44</v>
      </c>
      <c r="N31" s="782" t="s">
        <v>44</v>
      </c>
      <c r="O31" s="780" t="s">
        <v>44</v>
      </c>
      <c r="P31" s="782" t="s">
        <v>44</v>
      </c>
      <c r="Q31" s="782" t="s">
        <v>44</v>
      </c>
      <c r="R31" s="780" t="s">
        <v>44</v>
      </c>
      <c r="S31" s="784" t="s">
        <v>44</v>
      </c>
      <c r="T31" s="782" t="s">
        <v>44</v>
      </c>
      <c r="U31" s="780" t="s">
        <v>44</v>
      </c>
      <c r="V31" s="782" t="s">
        <v>44</v>
      </c>
      <c r="W31" s="782" t="s">
        <v>44</v>
      </c>
      <c r="X31" s="783" t="s">
        <v>44</v>
      </c>
    </row>
    <row r="32" spans="1:24" ht="16.5" customHeight="1">
      <c r="A32" s="211"/>
      <c r="B32" s="785">
        <v>1094402</v>
      </c>
      <c r="C32" s="756" t="s">
        <v>581</v>
      </c>
      <c r="D32" s="757">
        <v>66071</v>
      </c>
      <c r="E32" s="758">
        <v>33924</v>
      </c>
      <c r="F32" s="757">
        <v>32147</v>
      </c>
      <c r="G32" s="755">
        <v>64686</v>
      </c>
      <c r="H32" s="758">
        <v>33227</v>
      </c>
      <c r="I32" s="757">
        <v>31459</v>
      </c>
      <c r="J32" s="755">
        <v>64905</v>
      </c>
      <c r="K32" s="758">
        <v>33332</v>
      </c>
      <c r="L32" s="758">
        <v>31573</v>
      </c>
      <c r="M32" s="757">
        <v>219</v>
      </c>
      <c r="N32" s="758">
        <v>105</v>
      </c>
      <c r="O32" s="770">
        <v>114</v>
      </c>
      <c r="P32" s="757">
        <v>1385</v>
      </c>
      <c r="Q32" s="758">
        <v>697</v>
      </c>
      <c r="R32" s="757">
        <v>688</v>
      </c>
      <c r="S32" s="755">
        <v>47968</v>
      </c>
      <c r="T32" s="758">
        <v>24583</v>
      </c>
      <c r="U32" s="770">
        <v>23385</v>
      </c>
      <c r="V32" s="757">
        <v>46583</v>
      </c>
      <c r="W32" s="758">
        <v>23886</v>
      </c>
      <c r="X32" s="757">
        <v>22697</v>
      </c>
    </row>
    <row r="33" spans="1:24" ht="16.5" customHeight="1">
      <c r="A33" s="211"/>
      <c r="B33" s="755">
        <v>5712800</v>
      </c>
      <c r="C33" s="756" t="s">
        <v>582</v>
      </c>
      <c r="D33" s="757">
        <v>27856</v>
      </c>
      <c r="E33" s="758">
        <v>13482</v>
      </c>
      <c r="F33" s="757">
        <v>14374</v>
      </c>
      <c r="G33" s="755">
        <v>-8476</v>
      </c>
      <c r="H33" s="758">
        <v>-5647</v>
      </c>
      <c r="I33" s="757">
        <v>-2829</v>
      </c>
      <c r="J33" s="761" t="s">
        <v>44</v>
      </c>
      <c r="K33" s="762" t="s">
        <v>44</v>
      </c>
      <c r="L33" s="762" t="s">
        <v>44</v>
      </c>
      <c r="M33" s="757">
        <v>8476</v>
      </c>
      <c r="N33" s="758">
        <v>5647</v>
      </c>
      <c r="O33" s="770">
        <v>2829</v>
      </c>
      <c r="P33" s="757">
        <v>36332</v>
      </c>
      <c r="Q33" s="758">
        <v>19129</v>
      </c>
      <c r="R33" s="757">
        <v>17203</v>
      </c>
      <c r="S33" s="755">
        <v>434962</v>
      </c>
      <c r="T33" s="758">
        <v>237484</v>
      </c>
      <c r="U33" s="770">
        <v>197478</v>
      </c>
      <c r="V33" s="757">
        <v>398630</v>
      </c>
      <c r="W33" s="758">
        <v>218355</v>
      </c>
      <c r="X33" s="757">
        <v>180275</v>
      </c>
    </row>
    <row r="34" spans="1:24" ht="16.5" customHeight="1" thickBot="1">
      <c r="A34" s="211"/>
      <c r="B34" s="755">
        <v>2311697</v>
      </c>
      <c r="C34" s="756" t="s">
        <v>583</v>
      </c>
      <c r="D34" s="757">
        <v>-73727</v>
      </c>
      <c r="E34" s="758">
        <v>-39118</v>
      </c>
      <c r="F34" s="757">
        <v>-34609</v>
      </c>
      <c r="G34" s="755">
        <v>-75810</v>
      </c>
      <c r="H34" s="758">
        <v>-39319</v>
      </c>
      <c r="I34" s="757">
        <v>-36491</v>
      </c>
      <c r="J34" s="761" t="s">
        <v>44</v>
      </c>
      <c r="K34" s="762" t="s">
        <v>44</v>
      </c>
      <c r="L34" s="762" t="s">
        <v>44</v>
      </c>
      <c r="M34" s="757">
        <v>75810</v>
      </c>
      <c r="N34" s="758">
        <v>39319</v>
      </c>
      <c r="O34" s="770">
        <v>36491</v>
      </c>
      <c r="P34" s="757">
        <v>2083</v>
      </c>
      <c r="Q34" s="758">
        <v>201</v>
      </c>
      <c r="R34" s="757">
        <v>1882</v>
      </c>
      <c r="S34" s="755">
        <v>31851</v>
      </c>
      <c r="T34" s="758">
        <v>13543</v>
      </c>
      <c r="U34" s="770">
        <v>18308</v>
      </c>
      <c r="V34" s="757">
        <v>29768</v>
      </c>
      <c r="W34" s="758">
        <v>13342</v>
      </c>
      <c r="X34" s="757">
        <v>16426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584</v>
      </c>
      <c r="E36" s="793" t="s">
        <v>364</v>
      </c>
      <c r="F36" s="792" t="s">
        <v>584</v>
      </c>
      <c r="G36" s="794" t="s">
        <v>364</v>
      </c>
      <c r="H36" s="793" t="s">
        <v>584</v>
      </c>
      <c r="I36" s="792" t="s">
        <v>58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584</v>
      </c>
      <c r="Q36" s="793" t="s">
        <v>584</v>
      </c>
      <c r="R36" s="792" t="s">
        <v>58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8</v>
      </c>
      <c r="C38" s="756" t="s">
        <v>585</v>
      </c>
      <c r="D38" s="803" t="s">
        <v>364</v>
      </c>
      <c r="E38" s="804" t="s">
        <v>364</v>
      </c>
      <c r="F38" s="803" t="s">
        <v>584</v>
      </c>
      <c r="G38" s="805" t="s">
        <v>584</v>
      </c>
      <c r="H38" s="804" t="s">
        <v>364</v>
      </c>
      <c r="I38" s="803" t="s">
        <v>584</v>
      </c>
      <c r="J38" s="806">
        <v>100</v>
      </c>
      <c r="K38" s="807">
        <v>100</v>
      </c>
      <c r="L38" s="807">
        <v>100</v>
      </c>
      <c r="M38" s="808">
        <v>0.2</v>
      </c>
      <c r="N38" s="809">
        <v>0.2</v>
      </c>
      <c r="O38" s="810">
        <v>0.2</v>
      </c>
      <c r="P38" s="805" t="s">
        <v>364</v>
      </c>
      <c r="Q38" s="804" t="s">
        <v>364</v>
      </c>
      <c r="R38" s="803" t="s">
        <v>364</v>
      </c>
      <c r="S38" s="811">
        <v>5.2</v>
      </c>
      <c r="T38" s="809">
        <v>5</v>
      </c>
      <c r="U38" s="810">
        <v>5.4</v>
      </c>
      <c r="V38" s="808">
        <v>5.5</v>
      </c>
      <c r="W38" s="809">
        <v>5.3</v>
      </c>
      <c r="X38" s="808">
        <v>5.8</v>
      </c>
    </row>
    <row r="39" spans="1:24" ht="16.5" customHeight="1">
      <c r="A39" s="211"/>
      <c r="B39" s="802">
        <v>4</v>
      </c>
      <c r="C39" s="756" t="s">
        <v>474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2.6</v>
      </c>
      <c r="T39" s="809">
        <v>2.5</v>
      </c>
      <c r="U39" s="810">
        <v>2.7</v>
      </c>
      <c r="V39" s="808">
        <v>2.8</v>
      </c>
      <c r="W39" s="809">
        <v>2.6</v>
      </c>
      <c r="X39" s="808">
        <v>3</v>
      </c>
    </row>
    <row r="40" spans="1:24" ht="16.5" customHeight="1">
      <c r="A40" s="211"/>
      <c r="B40" s="802">
        <v>4.2</v>
      </c>
      <c r="C40" s="756" t="s">
        <v>561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</v>
      </c>
      <c r="P40" s="805" t="s">
        <v>44</v>
      </c>
      <c r="Q40" s="804" t="s">
        <v>44</v>
      </c>
      <c r="R40" s="803" t="s">
        <v>44</v>
      </c>
      <c r="S40" s="811">
        <v>1.5</v>
      </c>
      <c r="T40" s="809">
        <v>1.4</v>
      </c>
      <c r="U40" s="810">
        <v>1.6</v>
      </c>
      <c r="V40" s="808">
        <v>1.5</v>
      </c>
      <c r="W40" s="809">
        <v>1.4</v>
      </c>
      <c r="X40" s="808">
        <v>1.6</v>
      </c>
    </row>
    <row r="41" spans="1:24" ht="16.5" customHeight="1">
      <c r="A41" s="211"/>
      <c r="B41" s="802">
        <v>4.5</v>
      </c>
      <c r="C41" s="756" t="s">
        <v>476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1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4.0999999999999996</v>
      </c>
      <c r="T41" s="809">
        <v>4.4000000000000004</v>
      </c>
      <c r="U41" s="810">
        <v>3.9</v>
      </c>
      <c r="V41" s="808">
        <v>2.9</v>
      </c>
      <c r="W41" s="809">
        <v>3.1</v>
      </c>
      <c r="X41" s="808">
        <v>2.8</v>
      </c>
    </row>
    <row r="42" spans="1:24" ht="16.5" customHeight="1">
      <c r="A42" s="211"/>
      <c r="B42" s="800">
        <v>5.6</v>
      </c>
      <c r="C42" s="763" t="s">
        <v>563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2</v>
      </c>
      <c r="N42" s="816">
        <v>0.2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7</v>
      </c>
      <c r="T42" s="816">
        <v>16.600000000000001</v>
      </c>
      <c r="U42" s="817">
        <v>17.399999999999999</v>
      </c>
      <c r="V42" s="815">
        <v>14.9</v>
      </c>
      <c r="W42" s="816">
        <v>14.6</v>
      </c>
      <c r="X42" s="815">
        <v>15.3</v>
      </c>
    </row>
    <row r="43" spans="1:24" ht="16.5" customHeight="1">
      <c r="A43" s="211"/>
      <c r="B43" s="802">
        <v>5.5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2</v>
      </c>
      <c r="N43" s="809">
        <v>0.2</v>
      </c>
      <c r="O43" s="810">
        <v>0.1</v>
      </c>
      <c r="P43" s="805" t="s">
        <v>44</v>
      </c>
      <c r="Q43" s="804" t="s">
        <v>44</v>
      </c>
      <c r="R43" s="803" t="s">
        <v>44</v>
      </c>
      <c r="S43" s="811">
        <v>20.5</v>
      </c>
      <c r="T43" s="809">
        <v>20.5</v>
      </c>
      <c r="U43" s="810">
        <v>20.5</v>
      </c>
      <c r="V43" s="808">
        <v>20.8</v>
      </c>
      <c r="W43" s="809">
        <v>20.5</v>
      </c>
      <c r="X43" s="808">
        <v>21.2</v>
      </c>
    </row>
    <row r="44" spans="1:24" ht="16.5" customHeight="1">
      <c r="A44" s="729" t="s">
        <v>586</v>
      </c>
      <c r="B44" s="802">
        <v>5.5</v>
      </c>
      <c r="C44" s="756" t="s">
        <v>587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3</v>
      </c>
      <c r="N44" s="809">
        <v>0.3</v>
      </c>
      <c r="O44" s="810">
        <v>0.2</v>
      </c>
      <c r="P44" s="805" t="s">
        <v>44</v>
      </c>
      <c r="Q44" s="804" t="s">
        <v>44</v>
      </c>
      <c r="R44" s="803" t="s">
        <v>44</v>
      </c>
      <c r="S44" s="811">
        <v>14.3</v>
      </c>
      <c r="T44" s="809">
        <v>14.3</v>
      </c>
      <c r="U44" s="810">
        <v>14.2</v>
      </c>
      <c r="V44" s="808">
        <v>15</v>
      </c>
      <c r="W44" s="809">
        <v>15</v>
      </c>
      <c r="X44" s="808">
        <v>15</v>
      </c>
    </row>
    <row r="45" spans="1:24" ht="16.5" customHeight="1">
      <c r="A45" s="729"/>
      <c r="B45" s="802">
        <v>6.3</v>
      </c>
      <c r="C45" s="756" t="s">
        <v>566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4</v>
      </c>
      <c r="N45" s="809">
        <v>0.4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9.3000000000000007</v>
      </c>
      <c r="T45" s="809">
        <v>9.6999999999999993</v>
      </c>
      <c r="U45" s="810">
        <v>8.8000000000000007</v>
      </c>
      <c r="V45" s="808">
        <v>9.6999999999999993</v>
      </c>
      <c r="W45" s="809">
        <v>10.199999999999999</v>
      </c>
      <c r="X45" s="808">
        <v>9.1999999999999993</v>
      </c>
    </row>
    <row r="46" spans="1:24" ht="16.5" customHeight="1">
      <c r="A46" s="731"/>
      <c r="B46" s="802">
        <v>7.3</v>
      </c>
      <c r="C46" s="756" t="s">
        <v>588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6</v>
      </c>
      <c r="N46" s="809">
        <v>0.7</v>
      </c>
      <c r="O46" s="810">
        <v>0.5</v>
      </c>
      <c r="P46" s="805" t="s">
        <v>44</v>
      </c>
      <c r="Q46" s="804" t="s">
        <v>44</v>
      </c>
      <c r="R46" s="803" t="s">
        <v>44</v>
      </c>
      <c r="S46" s="811">
        <v>6.2</v>
      </c>
      <c r="T46" s="809">
        <v>6.6</v>
      </c>
      <c r="U46" s="810">
        <v>5.7</v>
      </c>
      <c r="V46" s="808">
        <v>6.5</v>
      </c>
      <c r="W46" s="809">
        <v>7</v>
      </c>
      <c r="X46" s="808">
        <v>6</v>
      </c>
    </row>
    <row r="47" spans="1:24" ht="16.5" customHeight="1">
      <c r="A47" s="731"/>
      <c r="B47" s="800">
        <v>8.6</v>
      </c>
      <c r="C47" s="763" t="s">
        <v>568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2</v>
      </c>
      <c r="N47" s="816">
        <v>1.3</v>
      </c>
      <c r="O47" s="817">
        <v>1</v>
      </c>
      <c r="P47" s="812" t="s">
        <v>44</v>
      </c>
      <c r="Q47" s="813" t="s">
        <v>44</v>
      </c>
      <c r="R47" s="814" t="s">
        <v>44</v>
      </c>
      <c r="S47" s="818">
        <v>5</v>
      </c>
      <c r="T47" s="816">
        <v>5.3</v>
      </c>
      <c r="U47" s="817">
        <v>4.5999999999999996</v>
      </c>
      <c r="V47" s="815">
        <v>5.2</v>
      </c>
      <c r="W47" s="816">
        <v>5.6</v>
      </c>
      <c r="X47" s="815">
        <v>4.7</v>
      </c>
    </row>
    <row r="48" spans="1:24" ht="16.5" customHeight="1">
      <c r="A48" s="729" t="s">
        <v>520</v>
      </c>
      <c r="B48" s="802">
        <v>7.7</v>
      </c>
      <c r="C48" s="756" t="s">
        <v>569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7</v>
      </c>
      <c r="N48" s="809">
        <v>2.1</v>
      </c>
      <c r="O48" s="810">
        <v>1.2</v>
      </c>
      <c r="P48" s="805" t="s">
        <v>44</v>
      </c>
      <c r="Q48" s="804" t="s">
        <v>44</v>
      </c>
      <c r="R48" s="803" t="s">
        <v>44</v>
      </c>
      <c r="S48" s="811">
        <v>3.7</v>
      </c>
      <c r="T48" s="809">
        <v>4</v>
      </c>
      <c r="U48" s="810">
        <v>3.4</v>
      </c>
      <c r="V48" s="808">
        <v>3.9</v>
      </c>
      <c r="W48" s="809">
        <v>4.2</v>
      </c>
      <c r="X48" s="808">
        <v>3.6</v>
      </c>
    </row>
    <row r="49" spans="1:24" ht="16.5" customHeight="1">
      <c r="A49" s="731"/>
      <c r="B49" s="802">
        <v>6.3</v>
      </c>
      <c r="C49" s="756" t="s">
        <v>57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.2999999999999998</v>
      </c>
      <c r="N49" s="809">
        <v>3</v>
      </c>
      <c r="O49" s="810">
        <v>1.6</v>
      </c>
      <c r="P49" s="805" t="s">
        <v>44</v>
      </c>
      <c r="Q49" s="804" t="s">
        <v>44</v>
      </c>
      <c r="R49" s="803" t="s">
        <v>44</v>
      </c>
      <c r="S49" s="811">
        <v>2.6</v>
      </c>
      <c r="T49" s="809">
        <v>2.8</v>
      </c>
      <c r="U49" s="810">
        <v>2.4</v>
      </c>
      <c r="V49" s="808">
        <v>2.8</v>
      </c>
      <c r="W49" s="809">
        <v>3</v>
      </c>
      <c r="X49" s="808">
        <v>2.6</v>
      </c>
    </row>
    <row r="50" spans="1:24" ht="16.5" customHeight="1">
      <c r="A50" s="729"/>
      <c r="B50" s="802">
        <v>5.3</v>
      </c>
      <c r="C50" s="756" t="s">
        <v>572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3.1</v>
      </c>
      <c r="N50" s="809">
        <v>4</v>
      </c>
      <c r="O50" s="810">
        <v>2.1</v>
      </c>
      <c r="P50" s="805" t="s">
        <v>44</v>
      </c>
      <c r="Q50" s="804" t="s">
        <v>44</v>
      </c>
      <c r="R50" s="803" t="s">
        <v>44</v>
      </c>
      <c r="S50" s="811">
        <v>1.8</v>
      </c>
      <c r="T50" s="809">
        <v>2</v>
      </c>
      <c r="U50" s="810">
        <v>1.7</v>
      </c>
      <c r="V50" s="808">
        <v>2.1</v>
      </c>
      <c r="W50" s="809">
        <v>2.2999999999999998</v>
      </c>
      <c r="X50" s="808">
        <v>1.9</v>
      </c>
    </row>
    <row r="51" spans="1:24" ht="16.5" customHeight="1">
      <c r="A51" s="731"/>
      <c r="B51" s="802">
        <v>5.9</v>
      </c>
      <c r="C51" s="756" t="s">
        <v>573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5.4</v>
      </c>
      <c r="N51" s="809">
        <v>7.1</v>
      </c>
      <c r="O51" s="810">
        <v>3.6</v>
      </c>
      <c r="P51" s="805" t="s">
        <v>44</v>
      </c>
      <c r="Q51" s="804" t="s">
        <v>44</v>
      </c>
      <c r="R51" s="803" t="s">
        <v>44</v>
      </c>
      <c r="S51" s="811">
        <v>1.5</v>
      </c>
      <c r="T51" s="809">
        <v>1.5</v>
      </c>
      <c r="U51" s="810">
        <v>1.4</v>
      </c>
      <c r="V51" s="808">
        <v>1.7</v>
      </c>
      <c r="W51" s="809">
        <v>1.7</v>
      </c>
      <c r="X51" s="808">
        <v>1.6</v>
      </c>
    </row>
    <row r="52" spans="1:24" ht="16.5" customHeight="1">
      <c r="A52" s="729" t="s">
        <v>589</v>
      </c>
      <c r="B52" s="800">
        <v>6.4</v>
      </c>
      <c r="C52" s="763" t="s">
        <v>574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9.1999999999999993</v>
      </c>
      <c r="N52" s="816">
        <v>11.6</v>
      </c>
      <c r="O52" s="817">
        <v>6.4</v>
      </c>
      <c r="P52" s="812" t="s">
        <v>44</v>
      </c>
      <c r="Q52" s="813" t="s">
        <v>44</v>
      </c>
      <c r="R52" s="814" t="s">
        <v>44</v>
      </c>
      <c r="S52" s="818">
        <v>1.3</v>
      </c>
      <c r="T52" s="816">
        <v>1.2</v>
      </c>
      <c r="U52" s="817">
        <v>1.4</v>
      </c>
      <c r="V52" s="815">
        <v>1.4</v>
      </c>
      <c r="W52" s="816">
        <v>1.3</v>
      </c>
      <c r="X52" s="815">
        <v>1.4</v>
      </c>
    </row>
    <row r="53" spans="1:24" ht="16.5" customHeight="1">
      <c r="A53" s="211"/>
      <c r="B53" s="802">
        <v>5.5</v>
      </c>
      <c r="C53" s="756" t="s">
        <v>575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2.8</v>
      </c>
      <c r="N53" s="809">
        <v>15.7</v>
      </c>
      <c r="O53" s="810">
        <v>9.4</v>
      </c>
      <c r="P53" s="805" t="s">
        <v>44</v>
      </c>
      <c r="Q53" s="804" t="s">
        <v>44</v>
      </c>
      <c r="R53" s="803" t="s">
        <v>44</v>
      </c>
      <c r="S53" s="811">
        <v>1.1000000000000001</v>
      </c>
      <c r="T53" s="809">
        <v>0.8</v>
      </c>
      <c r="U53" s="810">
        <v>1.3</v>
      </c>
      <c r="V53" s="808">
        <v>1.1000000000000001</v>
      </c>
      <c r="W53" s="809">
        <v>0.9</v>
      </c>
      <c r="X53" s="808">
        <v>1.3</v>
      </c>
    </row>
    <row r="54" spans="1:24" ht="16.5" customHeight="1">
      <c r="A54" s="211"/>
      <c r="B54" s="802">
        <v>3.8</v>
      </c>
      <c r="C54" s="756" t="s">
        <v>576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.600000000000001</v>
      </c>
      <c r="N54" s="809">
        <v>18.600000000000001</v>
      </c>
      <c r="O54" s="810">
        <v>14.4</v>
      </c>
      <c r="P54" s="805" t="s">
        <v>44</v>
      </c>
      <c r="Q54" s="804" t="s">
        <v>44</v>
      </c>
      <c r="R54" s="803" t="s">
        <v>44</v>
      </c>
      <c r="S54" s="811">
        <v>0.9</v>
      </c>
      <c r="T54" s="809">
        <v>0.6</v>
      </c>
      <c r="U54" s="810">
        <v>1.3</v>
      </c>
      <c r="V54" s="808">
        <v>0.9</v>
      </c>
      <c r="W54" s="809">
        <v>0.6</v>
      </c>
      <c r="X54" s="808">
        <v>1.2</v>
      </c>
    </row>
    <row r="55" spans="1:24" ht="16.5" customHeight="1">
      <c r="A55" s="211"/>
      <c r="B55" s="802">
        <v>2.4</v>
      </c>
      <c r="C55" s="756" t="s">
        <v>577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19.3</v>
      </c>
      <c r="N55" s="809">
        <v>18.100000000000001</v>
      </c>
      <c r="O55" s="810">
        <v>20.6</v>
      </c>
      <c r="P55" s="805" t="s">
        <v>44</v>
      </c>
      <c r="Q55" s="804" t="s">
        <v>44</v>
      </c>
      <c r="R55" s="803" t="s">
        <v>44</v>
      </c>
      <c r="S55" s="811">
        <v>0.8</v>
      </c>
      <c r="T55" s="809">
        <v>0.4</v>
      </c>
      <c r="U55" s="810">
        <v>1.2</v>
      </c>
      <c r="V55" s="808">
        <v>0.7</v>
      </c>
      <c r="W55" s="809">
        <v>0.4</v>
      </c>
      <c r="X55" s="808">
        <v>1.1000000000000001</v>
      </c>
    </row>
    <row r="56" spans="1:24" ht="16.5" customHeight="1">
      <c r="A56" s="211"/>
      <c r="B56" s="802">
        <v>1.1000000000000001</v>
      </c>
      <c r="C56" s="756" t="s">
        <v>578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6.5</v>
      </c>
      <c r="N56" s="809">
        <v>11.9</v>
      </c>
      <c r="O56" s="810">
        <v>21.7</v>
      </c>
      <c r="P56" s="805" t="s">
        <v>44</v>
      </c>
      <c r="Q56" s="804" t="s">
        <v>44</v>
      </c>
      <c r="R56" s="803" t="s">
        <v>44</v>
      </c>
      <c r="S56" s="811">
        <v>0.4</v>
      </c>
      <c r="T56" s="809">
        <v>0.2</v>
      </c>
      <c r="U56" s="810">
        <v>0.7</v>
      </c>
      <c r="V56" s="808">
        <v>0.4</v>
      </c>
      <c r="W56" s="809">
        <v>0.2</v>
      </c>
      <c r="X56" s="808">
        <v>0.6</v>
      </c>
    </row>
    <row r="57" spans="1:24" ht="16.5" customHeight="1">
      <c r="A57" s="211"/>
      <c r="B57" s="800">
        <v>0.3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7.8</v>
      </c>
      <c r="N57" s="816">
        <v>3.7</v>
      </c>
      <c r="O57" s="817">
        <v>12.5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</v>
      </c>
      <c r="U57" s="817">
        <v>0.2</v>
      </c>
      <c r="V57" s="815">
        <v>0.1</v>
      </c>
      <c r="W57" s="816">
        <v>0</v>
      </c>
      <c r="X57" s="815">
        <v>0.2</v>
      </c>
    </row>
    <row r="58" spans="1:24" ht="16.5" customHeight="1">
      <c r="A58" s="211"/>
      <c r="B58" s="819">
        <v>0.1</v>
      </c>
      <c r="C58" s="763" t="s">
        <v>580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2.2000000000000002</v>
      </c>
      <c r="N58" s="816">
        <v>0.7</v>
      </c>
      <c r="O58" s="816">
        <v>3.9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20" t="s">
        <v>4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2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3</v>
      </c>
      <c r="N60" s="809">
        <v>0.2</v>
      </c>
      <c r="O60" s="810">
        <v>0.3</v>
      </c>
      <c r="P60" s="805" t="s">
        <v>44</v>
      </c>
      <c r="Q60" s="804" t="s">
        <v>44</v>
      </c>
      <c r="R60" s="803" t="s">
        <v>44</v>
      </c>
      <c r="S60" s="811">
        <v>9.3000000000000007</v>
      </c>
      <c r="T60" s="809">
        <v>8.9</v>
      </c>
      <c r="U60" s="810">
        <v>9.8000000000000007</v>
      </c>
      <c r="V60" s="808">
        <v>9.8000000000000007</v>
      </c>
      <c r="W60" s="809">
        <v>9.3000000000000007</v>
      </c>
      <c r="X60" s="808">
        <v>10.3</v>
      </c>
    </row>
    <row r="61" spans="1:24" ht="16.5" customHeight="1">
      <c r="A61" s="211"/>
      <c r="B61" s="802">
        <v>62.6</v>
      </c>
      <c r="C61" s="756" t="s">
        <v>582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10</v>
      </c>
      <c r="N61" s="809">
        <v>12.5</v>
      </c>
      <c r="O61" s="810">
        <v>7.2</v>
      </c>
      <c r="P61" s="805" t="s">
        <v>44</v>
      </c>
      <c r="Q61" s="804" t="s">
        <v>44</v>
      </c>
      <c r="R61" s="803" t="s">
        <v>44</v>
      </c>
      <c r="S61" s="811">
        <v>84.5</v>
      </c>
      <c r="T61" s="809">
        <v>86.2</v>
      </c>
      <c r="U61" s="810">
        <v>82.6</v>
      </c>
      <c r="V61" s="808">
        <v>83.9</v>
      </c>
      <c r="W61" s="809">
        <v>85.4</v>
      </c>
      <c r="X61" s="808">
        <v>82.2</v>
      </c>
    </row>
    <row r="62" spans="1:24" ht="16.5" customHeight="1" thickBot="1">
      <c r="A62" s="824"/>
      <c r="B62" s="825">
        <v>25.4</v>
      </c>
      <c r="C62" s="826" t="s">
        <v>583</v>
      </c>
      <c r="D62" s="812" t="s">
        <v>44</v>
      </c>
      <c r="E62" s="813" t="s">
        <v>44</v>
      </c>
      <c r="F62" s="814" t="s">
        <v>44</v>
      </c>
      <c r="G62" s="812" t="s">
        <v>44</v>
      </c>
      <c r="H62" s="813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29">
        <v>89.7</v>
      </c>
      <c r="N62" s="830">
        <v>87.2</v>
      </c>
      <c r="O62" s="831">
        <v>92.5</v>
      </c>
      <c r="P62" s="828" t="s">
        <v>44</v>
      </c>
      <c r="Q62" s="827" t="s">
        <v>44</v>
      </c>
      <c r="R62" s="827" t="s">
        <v>44</v>
      </c>
      <c r="S62" s="832">
        <v>6.2</v>
      </c>
      <c r="T62" s="830">
        <v>4.9000000000000004</v>
      </c>
      <c r="U62" s="831">
        <v>7.7</v>
      </c>
      <c r="V62" s="829">
        <v>6.3</v>
      </c>
      <c r="W62" s="830">
        <v>5.2</v>
      </c>
      <c r="X62" s="829">
        <v>7.5</v>
      </c>
    </row>
    <row r="63" spans="1:24" ht="15" thickTop="1">
      <c r="A63" s="296" t="s">
        <v>590</v>
      </c>
      <c r="B63" s="1314" t="s">
        <v>537</v>
      </c>
      <c r="C63" s="1314"/>
      <c r="D63" s="1314"/>
      <c r="E63" s="1314"/>
      <c r="F63" s="1314"/>
      <c r="G63" s="1314"/>
      <c r="H63" s="1314"/>
      <c r="I63" s="296"/>
    </row>
    <row r="64" spans="1:24" ht="14.25">
      <c r="B64" s="296" t="s">
        <v>538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8">
    <mergeCell ref="S4:U4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  <mergeCell ref="B63:H63"/>
    <mergeCell ref="B65:I65"/>
    <mergeCell ref="P4:R4"/>
    <mergeCell ref="A4:B4"/>
    <mergeCell ref="C4:C5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-24-</oddFooter>
    <evenFooter>&amp;C&amp;"ＭＳ ゴシック,太字"&amp;10-25-</even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topLeftCell="A28" zoomScale="90" zoomScaleNormal="90" zoomScaleSheetLayoutView="7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592</v>
      </c>
      <c r="B1" s="295"/>
      <c r="C1" s="353"/>
      <c r="D1" s="353"/>
      <c r="E1" s="353"/>
      <c r="F1" s="353"/>
      <c r="Q1" s="353" t="s">
        <v>593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1326" t="s">
        <v>594</v>
      </c>
      <c r="B3" s="1327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596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549</v>
      </c>
      <c r="H5" s="1324"/>
      <c r="I5" s="1325"/>
      <c r="J5" s="1323" t="s">
        <v>598</v>
      </c>
      <c r="K5" s="1324"/>
      <c r="L5" s="1325"/>
      <c r="M5" s="1324" t="s">
        <v>599</v>
      </c>
      <c r="N5" s="1324"/>
      <c r="O5" s="1325"/>
      <c r="P5" s="1323" t="s">
        <v>600</v>
      </c>
      <c r="Q5" s="1324"/>
      <c r="R5" s="1325"/>
      <c r="S5" s="1323" t="s">
        <v>601</v>
      </c>
      <c r="T5" s="1324"/>
      <c r="U5" s="1325"/>
      <c r="V5" s="1323" t="s">
        <v>60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740" t="s">
        <v>555</v>
      </c>
      <c r="K6" s="739" t="s">
        <v>556</v>
      </c>
      <c r="L6" s="739" t="s">
        <v>557</v>
      </c>
      <c r="M6" s="737" t="s">
        <v>558</v>
      </c>
      <c r="N6" s="739" t="s">
        <v>556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3749929</v>
      </c>
      <c r="C8" s="746" t="s">
        <v>214</v>
      </c>
      <c r="D8" s="747">
        <v>8985</v>
      </c>
      <c r="E8" s="748">
        <v>3866</v>
      </c>
      <c r="F8" s="747">
        <v>5119</v>
      </c>
      <c r="G8" s="745">
        <v>-7200</v>
      </c>
      <c r="H8" s="748">
        <v>-4406</v>
      </c>
      <c r="I8" s="747">
        <v>-2794</v>
      </c>
      <c r="J8" s="745">
        <v>26394</v>
      </c>
      <c r="K8" s="748">
        <v>13522</v>
      </c>
      <c r="L8" s="748">
        <v>12872</v>
      </c>
      <c r="M8" s="747">
        <v>33594</v>
      </c>
      <c r="N8" s="748">
        <v>17928</v>
      </c>
      <c r="O8" s="749">
        <v>15666</v>
      </c>
      <c r="P8" s="747">
        <v>16185</v>
      </c>
      <c r="Q8" s="748">
        <v>8272</v>
      </c>
      <c r="R8" s="747">
        <v>7913</v>
      </c>
      <c r="S8" s="745">
        <v>226883</v>
      </c>
      <c r="T8" s="748">
        <v>120455</v>
      </c>
      <c r="U8" s="749">
        <v>106428</v>
      </c>
      <c r="V8" s="747">
        <v>210698</v>
      </c>
      <c r="W8" s="748">
        <v>112183</v>
      </c>
      <c r="X8" s="747">
        <v>98515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141185</v>
      </c>
      <c r="C10" s="756" t="s">
        <v>559</v>
      </c>
      <c r="D10" s="757">
        <v>26284</v>
      </c>
      <c r="E10" s="758">
        <v>13498</v>
      </c>
      <c r="F10" s="757">
        <v>12786</v>
      </c>
      <c r="G10" s="755">
        <v>26330</v>
      </c>
      <c r="H10" s="758">
        <v>13490</v>
      </c>
      <c r="I10" s="757">
        <v>12840</v>
      </c>
      <c r="J10" s="755">
        <v>26394</v>
      </c>
      <c r="K10" s="758">
        <v>13522</v>
      </c>
      <c r="L10" s="758">
        <v>12872</v>
      </c>
      <c r="M10" s="769">
        <v>64</v>
      </c>
      <c r="N10" s="758">
        <v>32</v>
      </c>
      <c r="O10" s="770">
        <v>32</v>
      </c>
      <c r="P10" s="757">
        <v>-46</v>
      </c>
      <c r="Q10" s="758">
        <v>8</v>
      </c>
      <c r="R10" s="757">
        <v>-54</v>
      </c>
      <c r="S10" s="755">
        <v>11806</v>
      </c>
      <c r="T10" s="758">
        <v>6136</v>
      </c>
      <c r="U10" s="758">
        <v>5670</v>
      </c>
      <c r="V10" s="755">
        <v>11852</v>
      </c>
      <c r="W10" s="758">
        <v>6128</v>
      </c>
      <c r="X10" s="757">
        <v>5724</v>
      </c>
    </row>
    <row r="11" spans="1:24" ht="16.5" customHeight="1">
      <c r="A11" s="211"/>
      <c r="B11" s="755">
        <v>149862</v>
      </c>
      <c r="C11" s="756" t="s">
        <v>474</v>
      </c>
      <c r="D11" s="757">
        <v>-27</v>
      </c>
      <c r="E11" s="758">
        <v>-15</v>
      </c>
      <c r="F11" s="757">
        <v>-12</v>
      </c>
      <c r="G11" s="755">
        <v>-6</v>
      </c>
      <c r="H11" s="758">
        <v>-2</v>
      </c>
      <c r="I11" s="757">
        <v>-4</v>
      </c>
      <c r="J11" s="761" t="s">
        <v>44</v>
      </c>
      <c r="K11" s="762" t="s">
        <v>44</v>
      </c>
      <c r="L11" s="762" t="s">
        <v>44</v>
      </c>
      <c r="M11" s="770">
        <v>6</v>
      </c>
      <c r="N11" s="758">
        <v>2</v>
      </c>
      <c r="O11" s="770">
        <v>4</v>
      </c>
      <c r="P11" s="757">
        <v>-21</v>
      </c>
      <c r="Q11" s="758">
        <v>-13</v>
      </c>
      <c r="R11" s="757">
        <v>-8</v>
      </c>
      <c r="S11" s="758">
        <v>6194</v>
      </c>
      <c r="T11" s="758">
        <v>3169</v>
      </c>
      <c r="U11" s="758">
        <v>3025</v>
      </c>
      <c r="V11" s="758">
        <v>6215</v>
      </c>
      <c r="W11" s="758">
        <v>3182</v>
      </c>
      <c r="X11" s="757">
        <v>3033</v>
      </c>
    </row>
    <row r="12" spans="1:24" ht="16.5" customHeight="1">
      <c r="A12" s="211"/>
      <c r="B12" s="755">
        <v>155826</v>
      </c>
      <c r="C12" s="756" t="s">
        <v>603</v>
      </c>
      <c r="D12" s="757">
        <v>382</v>
      </c>
      <c r="E12" s="758">
        <v>118</v>
      </c>
      <c r="F12" s="757">
        <v>264</v>
      </c>
      <c r="G12" s="755">
        <v>-9</v>
      </c>
      <c r="H12" s="758">
        <v>-3</v>
      </c>
      <c r="I12" s="757">
        <v>-6</v>
      </c>
      <c r="J12" s="761" t="s">
        <v>44</v>
      </c>
      <c r="K12" s="762" t="s">
        <v>44</v>
      </c>
      <c r="L12" s="762" t="s">
        <v>44</v>
      </c>
      <c r="M12" s="770">
        <v>9</v>
      </c>
      <c r="N12" s="758">
        <v>3</v>
      </c>
      <c r="O12" s="770">
        <v>6</v>
      </c>
      <c r="P12" s="757">
        <v>391</v>
      </c>
      <c r="Q12" s="758">
        <v>121</v>
      </c>
      <c r="R12" s="757">
        <v>270</v>
      </c>
      <c r="S12" s="758">
        <v>3744</v>
      </c>
      <c r="T12" s="758">
        <v>1839</v>
      </c>
      <c r="U12" s="758">
        <v>1905</v>
      </c>
      <c r="V12" s="758">
        <v>3353</v>
      </c>
      <c r="W12" s="758">
        <v>1718</v>
      </c>
      <c r="X12" s="757">
        <v>1635</v>
      </c>
    </row>
    <row r="13" spans="1:24" ht="16.5" customHeight="1">
      <c r="A13" s="211"/>
      <c r="B13" s="755">
        <v>169887</v>
      </c>
      <c r="C13" s="756" t="s">
        <v>604</v>
      </c>
      <c r="D13" s="757">
        <v>2775</v>
      </c>
      <c r="E13" s="758">
        <v>1499</v>
      </c>
      <c r="F13" s="757">
        <v>1276</v>
      </c>
      <c r="G13" s="755">
        <v>-28</v>
      </c>
      <c r="H13" s="758">
        <v>-18</v>
      </c>
      <c r="I13" s="757">
        <v>-10</v>
      </c>
      <c r="J13" s="761" t="s">
        <v>44</v>
      </c>
      <c r="K13" s="762" t="s">
        <v>44</v>
      </c>
      <c r="L13" s="762" t="s">
        <v>44</v>
      </c>
      <c r="M13" s="770">
        <v>28</v>
      </c>
      <c r="N13" s="758">
        <v>18</v>
      </c>
      <c r="O13" s="770">
        <v>10</v>
      </c>
      <c r="P13" s="757">
        <v>2803</v>
      </c>
      <c r="Q13" s="758">
        <v>1517</v>
      </c>
      <c r="R13" s="757">
        <v>1286</v>
      </c>
      <c r="S13" s="758">
        <v>8137</v>
      </c>
      <c r="T13" s="758">
        <v>4188</v>
      </c>
      <c r="U13" s="758">
        <v>3949</v>
      </c>
      <c r="V13" s="758">
        <v>5334</v>
      </c>
      <c r="W13" s="758">
        <v>2671</v>
      </c>
      <c r="X13" s="757">
        <v>2663</v>
      </c>
    </row>
    <row r="14" spans="1:24" ht="16.5" customHeight="1">
      <c r="A14" s="211"/>
      <c r="B14" s="766">
        <v>209344</v>
      </c>
      <c r="C14" s="763" t="s">
        <v>605</v>
      </c>
      <c r="D14" s="764">
        <v>8434</v>
      </c>
      <c r="E14" s="765">
        <v>4310</v>
      </c>
      <c r="F14" s="764">
        <v>4124</v>
      </c>
      <c r="G14" s="766">
        <v>-68</v>
      </c>
      <c r="H14" s="765">
        <v>-50</v>
      </c>
      <c r="I14" s="764">
        <v>-18</v>
      </c>
      <c r="J14" s="767" t="s">
        <v>44</v>
      </c>
      <c r="K14" s="768" t="s">
        <v>44</v>
      </c>
      <c r="L14" s="768" t="s">
        <v>44</v>
      </c>
      <c r="M14" s="770">
        <v>68</v>
      </c>
      <c r="N14" s="765">
        <v>50</v>
      </c>
      <c r="O14" s="771">
        <v>18</v>
      </c>
      <c r="P14" s="764">
        <v>8502</v>
      </c>
      <c r="Q14" s="765">
        <v>4360</v>
      </c>
      <c r="R14" s="764">
        <v>4142</v>
      </c>
      <c r="S14" s="765">
        <v>37367</v>
      </c>
      <c r="T14" s="765">
        <v>19470</v>
      </c>
      <c r="U14" s="765">
        <v>17897</v>
      </c>
      <c r="V14" s="758">
        <v>28865</v>
      </c>
      <c r="W14" s="765">
        <v>15110</v>
      </c>
      <c r="X14" s="764">
        <v>13755</v>
      </c>
    </row>
    <row r="15" spans="1:24" ht="16.5" customHeight="1">
      <c r="A15" s="211"/>
      <c r="B15" s="755">
        <v>205201</v>
      </c>
      <c r="C15" s="756" t="s">
        <v>564</v>
      </c>
      <c r="D15" s="757">
        <v>3042</v>
      </c>
      <c r="E15" s="758">
        <v>2007</v>
      </c>
      <c r="F15" s="757">
        <v>1035</v>
      </c>
      <c r="G15" s="755">
        <v>-61</v>
      </c>
      <c r="H15" s="758">
        <v>-34</v>
      </c>
      <c r="I15" s="757">
        <v>-27</v>
      </c>
      <c r="J15" s="761" t="s">
        <v>44</v>
      </c>
      <c r="K15" s="762" t="s">
        <v>44</v>
      </c>
      <c r="L15" s="762" t="s">
        <v>44</v>
      </c>
      <c r="M15" s="769">
        <v>61</v>
      </c>
      <c r="N15" s="758">
        <v>34</v>
      </c>
      <c r="O15" s="770">
        <v>27</v>
      </c>
      <c r="P15" s="757">
        <v>3103</v>
      </c>
      <c r="Q15" s="758">
        <v>2041</v>
      </c>
      <c r="R15" s="757">
        <v>1062</v>
      </c>
      <c r="S15" s="755">
        <v>46548</v>
      </c>
      <c r="T15" s="758">
        <v>24770</v>
      </c>
      <c r="U15" s="758">
        <v>21778</v>
      </c>
      <c r="V15" s="759">
        <v>43445</v>
      </c>
      <c r="W15" s="758">
        <v>22729</v>
      </c>
      <c r="X15" s="757">
        <v>20716</v>
      </c>
    </row>
    <row r="16" spans="1:24" ht="16.5" customHeight="1">
      <c r="A16" s="211"/>
      <c r="B16" s="755">
        <v>207658</v>
      </c>
      <c r="C16" s="756" t="s">
        <v>479</v>
      </c>
      <c r="D16" s="757">
        <v>660</v>
      </c>
      <c r="E16" s="758">
        <v>305</v>
      </c>
      <c r="F16" s="757">
        <v>355</v>
      </c>
      <c r="G16" s="755">
        <v>-76</v>
      </c>
      <c r="H16" s="758">
        <v>-57</v>
      </c>
      <c r="I16" s="757">
        <v>-19</v>
      </c>
      <c r="J16" s="761" t="s">
        <v>44</v>
      </c>
      <c r="K16" s="762" t="s">
        <v>44</v>
      </c>
      <c r="L16" s="762" t="s">
        <v>44</v>
      </c>
      <c r="M16" s="770">
        <v>76</v>
      </c>
      <c r="N16" s="758">
        <v>57</v>
      </c>
      <c r="O16" s="770">
        <v>19</v>
      </c>
      <c r="P16" s="757">
        <v>736</v>
      </c>
      <c r="Q16" s="758">
        <v>362</v>
      </c>
      <c r="R16" s="757">
        <v>374</v>
      </c>
      <c r="S16" s="758">
        <v>32700</v>
      </c>
      <c r="T16" s="758">
        <v>17414</v>
      </c>
      <c r="U16" s="758">
        <v>15286</v>
      </c>
      <c r="V16" s="758">
        <v>31964</v>
      </c>
      <c r="W16" s="758">
        <v>17052</v>
      </c>
      <c r="X16" s="757">
        <v>14912</v>
      </c>
    </row>
    <row r="17" spans="1:24" ht="16.5" customHeight="1">
      <c r="A17" s="729" t="s">
        <v>565</v>
      </c>
      <c r="B17" s="755">
        <v>233462</v>
      </c>
      <c r="C17" s="756" t="s">
        <v>606</v>
      </c>
      <c r="D17" s="757">
        <v>381</v>
      </c>
      <c r="E17" s="758">
        <v>185</v>
      </c>
      <c r="F17" s="757">
        <v>196</v>
      </c>
      <c r="G17" s="755">
        <v>-123</v>
      </c>
      <c r="H17" s="758">
        <v>-74</v>
      </c>
      <c r="I17" s="757">
        <v>-49</v>
      </c>
      <c r="J17" s="761" t="s">
        <v>44</v>
      </c>
      <c r="K17" s="762" t="s">
        <v>44</v>
      </c>
      <c r="L17" s="762" t="s">
        <v>44</v>
      </c>
      <c r="M17" s="770">
        <v>123</v>
      </c>
      <c r="N17" s="758">
        <v>74</v>
      </c>
      <c r="O17" s="770">
        <v>49</v>
      </c>
      <c r="P17" s="757">
        <v>504</v>
      </c>
      <c r="Q17" s="758">
        <v>259</v>
      </c>
      <c r="R17" s="757">
        <v>245</v>
      </c>
      <c r="S17" s="758">
        <v>21373</v>
      </c>
      <c r="T17" s="758">
        <v>11810</v>
      </c>
      <c r="U17" s="758">
        <v>9563</v>
      </c>
      <c r="V17" s="758">
        <v>20869</v>
      </c>
      <c r="W17" s="758">
        <v>11551</v>
      </c>
      <c r="X17" s="757">
        <v>9318</v>
      </c>
    </row>
    <row r="18" spans="1:24" ht="16.5" customHeight="1">
      <c r="A18" s="731"/>
      <c r="B18" s="755">
        <v>270136</v>
      </c>
      <c r="C18" s="756" t="s">
        <v>567</v>
      </c>
      <c r="D18" s="757">
        <v>146</v>
      </c>
      <c r="E18" s="758">
        <v>89</v>
      </c>
      <c r="F18" s="757">
        <v>57</v>
      </c>
      <c r="G18" s="755">
        <v>-202</v>
      </c>
      <c r="H18" s="758">
        <v>-114</v>
      </c>
      <c r="I18" s="757">
        <v>-88</v>
      </c>
      <c r="J18" s="761" t="s">
        <v>44</v>
      </c>
      <c r="K18" s="762" t="s">
        <v>44</v>
      </c>
      <c r="L18" s="762" t="s">
        <v>44</v>
      </c>
      <c r="M18" s="770">
        <v>202</v>
      </c>
      <c r="N18" s="758">
        <v>114</v>
      </c>
      <c r="O18" s="770">
        <v>88</v>
      </c>
      <c r="P18" s="757">
        <v>348</v>
      </c>
      <c r="Q18" s="758">
        <v>203</v>
      </c>
      <c r="R18" s="757">
        <v>145</v>
      </c>
      <c r="S18" s="755">
        <v>14274</v>
      </c>
      <c r="T18" s="758">
        <v>8155</v>
      </c>
      <c r="U18" s="758">
        <v>6119</v>
      </c>
      <c r="V18" s="758">
        <v>13926</v>
      </c>
      <c r="W18" s="758">
        <v>7952</v>
      </c>
      <c r="X18" s="757">
        <v>5974</v>
      </c>
    </row>
    <row r="19" spans="1:24" ht="16.5" customHeight="1">
      <c r="A19" s="731"/>
      <c r="B19" s="766">
        <v>324091</v>
      </c>
      <c r="C19" s="763" t="s">
        <v>607</v>
      </c>
      <c r="D19" s="764">
        <v>-107</v>
      </c>
      <c r="E19" s="765">
        <v>-206</v>
      </c>
      <c r="F19" s="764">
        <v>99</v>
      </c>
      <c r="G19" s="766">
        <v>-374</v>
      </c>
      <c r="H19" s="765">
        <v>-219</v>
      </c>
      <c r="I19" s="764">
        <v>-155</v>
      </c>
      <c r="J19" s="767" t="s">
        <v>44</v>
      </c>
      <c r="K19" s="768" t="s">
        <v>44</v>
      </c>
      <c r="L19" s="768" t="s">
        <v>44</v>
      </c>
      <c r="M19" s="771">
        <v>374</v>
      </c>
      <c r="N19" s="765">
        <v>219</v>
      </c>
      <c r="O19" s="771">
        <v>155</v>
      </c>
      <c r="P19" s="764">
        <v>267</v>
      </c>
      <c r="Q19" s="765">
        <v>13</v>
      </c>
      <c r="R19" s="764">
        <v>254</v>
      </c>
      <c r="S19" s="765">
        <v>11580</v>
      </c>
      <c r="T19" s="765">
        <v>6550</v>
      </c>
      <c r="U19" s="765">
        <v>5030</v>
      </c>
      <c r="V19" s="755">
        <v>11313</v>
      </c>
      <c r="W19" s="765">
        <v>6537</v>
      </c>
      <c r="X19" s="764">
        <v>4776</v>
      </c>
    </row>
    <row r="20" spans="1:24" ht="16.5" customHeight="1">
      <c r="A20" s="731"/>
      <c r="B20" s="755">
        <v>296764</v>
      </c>
      <c r="C20" s="756" t="s">
        <v>608</v>
      </c>
      <c r="D20" s="757">
        <v>-488</v>
      </c>
      <c r="E20" s="758">
        <v>-335</v>
      </c>
      <c r="F20" s="757">
        <v>-153</v>
      </c>
      <c r="G20" s="755">
        <v>-562</v>
      </c>
      <c r="H20" s="758">
        <v>-358</v>
      </c>
      <c r="I20" s="757">
        <v>-204</v>
      </c>
      <c r="J20" s="761" t="s">
        <v>44</v>
      </c>
      <c r="K20" s="762" t="s">
        <v>44</v>
      </c>
      <c r="L20" s="762" t="s">
        <v>44</v>
      </c>
      <c r="M20" s="770">
        <v>562</v>
      </c>
      <c r="N20" s="758">
        <v>358</v>
      </c>
      <c r="O20" s="770">
        <v>204</v>
      </c>
      <c r="P20" s="757">
        <v>74</v>
      </c>
      <c r="Q20" s="758">
        <v>23</v>
      </c>
      <c r="R20" s="757">
        <v>51</v>
      </c>
      <c r="S20" s="758">
        <v>8674</v>
      </c>
      <c r="T20" s="758">
        <v>4991</v>
      </c>
      <c r="U20" s="758">
        <v>3683</v>
      </c>
      <c r="V20" s="759">
        <v>8600</v>
      </c>
      <c r="W20" s="758">
        <v>4968</v>
      </c>
      <c r="X20" s="757">
        <v>3632</v>
      </c>
    </row>
    <row r="21" spans="1:24" ht="16.5" customHeight="1">
      <c r="A21" s="731"/>
      <c r="B21" s="755">
        <v>242221</v>
      </c>
      <c r="C21" s="756" t="s">
        <v>570</v>
      </c>
      <c r="D21" s="757">
        <v>-1102</v>
      </c>
      <c r="E21" s="758">
        <v>-668</v>
      </c>
      <c r="F21" s="757">
        <v>-434</v>
      </c>
      <c r="G21" s="755">
        <v>-801</v>
      </c>
      <c r="H21" s="758">
        <v>-546</v>
      </c>
      <c r="I21" s="757">
        <v>-255</v>
      </c>
      <c r="J21" s="761" t="s">
        <v>44</v>
      </c>
      <c r="K21" s="762" t="s">
        <v>44</v>
      </c>
      <c r="L21" s="762" t="s">
        <v>44</v>
      </c>
      <c r="M21" s="770">
        <v>801</v>
      </c>
      <c r="N21" s="758">
        <v>546</v>
      </c>
      <c r="O21" s="770">
        <v>255</v>
      </c>
      <c r="P21" s="757">
        <v>-301</v>
      </c>
      <c r="Q21" s="758">
        <v>-122</v>
      </c>
      <c r="R21" s="757">
        <v>-179</v>
      </c>
      <c r="S21" s="755">
        <v>6118</v>
      </c>
      <c r="T21" s="758">
        <v>3535</v>
      </c>
      <c r="U21" s="758">
        <v>2583</v>
      </c>
      <c r="V21" s="758">
        <v>6419</v>
      </c>
      <c r="W21" s="758">
        <v>3657</v>
      </c>
      <c r="X21" s="757">
        <v>2762</v>
      </c>
    </row>
    <row r="22" spans="1:24" ht="16.5" customHeight="1">
      <c r="A22" s="729" t="s">
        <v>571</v>
      </c>
      <c r="B22" s="755">
        <v>199356</v>
      </c>
      <c r="C22" s="756" t="s">
        <v>609</v>
      </c>
      <c r="D22" s="757">
        <v>-1518</v>
      </c>
      <c r="E22" s="758">
        <v>-962</v>
      </c>
      <c r="F22" s="757">
        <v>-556</v>
      </c>
      <c r="G22" s="755">
        <v>-1043</v>
      </c>
      <c r="H22" s="758">
        <v>-706</v>
      </c>
      <c r="I22" s="757">
        <v>-337</v>
      </c>
      <c r="J22" s="761" t="s">
        <v>44</v>
      </c>
      <c r="K22" s="762" t="s">
        <v>44</v>
      </c>
      <c r="L22" s="762" t="s">
        <v>44</v>
      </c>
      <c r="M22" s="770">
        <v>1043</v>
      </c>
      <c r="N22" s="758">
        <v>706</v>
      </c>
      <c r="O22" s="770">
        <v>337</v>
      </c>
      <c r="P22" s="757">
        <v>-475</v>
      </c>
      <c r="Q22" s="758">
        <v>-256</v>
      </c>
      <c r="R22" s="757">
        <v>-219</v>
      </c>
      <c r="S22" s="758">
        <v>4188</v>
      </c>
      <c r="T22" s="758">
        <v>2469</v>
      </c>
      <c r="U22" s="758">
        <v>1719</v>
      </c>
      <c r="V22" s="758">
        <v>4663</v>
      </c>
      <c r="W22" s="758">
        <v>2725</v>
      </c>
      <c r="X22" s="757">
        <v>1938</v>
      </c>
    </row>
    <row r="23" spans="1:24" ht="16.5" customHeight="1">
      <c r="A23" s="211"/>
      <c r="B23" s="755">
        <v>213053</v>
      </c>
      <c r="C23" s="756" t="s">
        <v>610</v>
      </c>
      <c r="D23" s="757">
        <v>-2135</v>
      </c>
      <c r="E23" s="758">
        <v>-1519</v>
      </c>
      <c r="F23" s="757">
        <v>-616</v>
      </c>
      <c r="G23" s="755">
        <v>-1760</v>
      </c>
      <c r="H23" s="758">
        <v>-1251</v>
      </c>
      <c r="I23" s="757">
        <v>-509</v>
      </c>
      <c r="J23" s="761" t="s">
        <v>44</v>
      </c>
      <c r="K23" s="762" t="s">
        <v>44</v>
      </c>
      <c r="L23" s="762" t="s">
        <v>44</v>
      </c>
      <c r="M23" s="770">
        <v>1760</v>
      </c>
      <c r="N23" s="758">
        <v>1251</v>
      </c>
      <c r="O23" s="770">
        <v>509</v>
      </c>
      <c r="P23" s="757">
        <v>-375</v>
      </c>
      <c r="Q23" s="758">
        <v>-268</v>
      </c>
      <c r="R23" s="757">
        <v>-107</v>
      </c>
      <c r="S23" s="758">
        <v>3364</v>
      </c>
      <c r="T23" s="758">
        <v>1834</v>
      </c>
      <c r="U23" s="758">
        <v>1530</v>
      </c>
      <c r="V23" s="755">
        <v>3739</v>
      </c>
      <c r="W23" s="758">
        <v>2102</v>
      </c>
      <c r="X23" s="757">
        <v>1637</v>
      </c>
    </row>
    <row r="24" spans="1:24" ht="16.5" customHeight="1">
      <c r="A24" s="211"/>
      <c r="B24" s="766">
        <v>230169</v>
      </c>
      <c r="C24" s="763" t="s">
        <v>611</v>
      </c>
      <c r="D24" s="764">
        <v>-3033</v>
      </c>
      <c r="E24" s="765">
        <v>-2157</v>
      </c>
      <c r="F24" s="764">
        <v>-876</v>
      </c>
      <c r="G24" s="766">
        <v>-2982</v>
      </c>
      <c r="H24" s="765">
        <v>-2014</v>
      </c>
      <c r="I24" s="764">
        <v>-968</v>
      </c>
      <c r="J24" s="767" t="s">
        <v>44</v>
      </c>
      <c r="K24" s="768" t="s">
        <v>44</v>
      </c>
      <c r="L24" s="768" t="s">
        <v>44</v>
      </c>
      <c r="M24" s="771">
        <v>2982</v>
      </c>
      <c r="N24" s="765">
        <v>2014</v>
      </c>
      <c r="O24" s="771">
        <v>968</v>
      </c>
      <c r="P24" s="764">
        <v>-51</v>
      </c>
      <c r="Q24" s="765">
        <v>-143</v>
      </c>
      <c r="R24" s="764">
        <v>92</v>
      </c>
      <c r="S24" s="758">
        <v>3018</v>
      </c>
      <c r="T24" s="765">
        <v>1475</v>
      </c>
      <c r="U24" s="765">
        <v>1543</v>
      </c>
      <c r="V24" s="758">
        <v>3069</v>
      </c>
      <c r="W24" s="765">
        <v>1618</v>
      </c>
      <c r="X24" s="764">
        <v>1451</v>
      </c>
    </row>
    <row r="25" spans="1:24" ht="16.5" customHeight="1">
      <c r="A25" s="211"/>
      <c r="B25" s="755">
        <v>195759</v>
      </c>
      <c r="C25" s="756" t="s">
        <v>612</v>
      </c>
      <c r="D25" s="757">
        <v>-4035</v>
      </c>
      <c r="E25" s="758">
        <v>-2665</v>
      </c>
      <c r="F25" s="757">
        <v>-1370</v>
      </c>
      <c r="G25" s="755">
        <v>-4146</v>
      </c>
      <c r="H25" s="758">
        <v>-2698</v>
      </c>
      <c r="I25" s="757">
        <v>-1448</v>
      </c>
      <c r="J25" s="761" t="s">
        <v>44</v>
      </c>
      <c r="K25" s="762" t="s">
        <v>44</v>
      </c>
      <c r="L25" s="762" t="s">
        <v>44</v>
      </c>
      <c r="M25" s="770">
        <v>4146</v>
      </c>
      <c r="N25" s="758">
        <v>2698</v>
      </c>
      <c r="O25" s="770">
        <v>1448</v>
      </c>
      <c r="P25" s="757">
        <v>111</v>
      </c>
      <c r="Q25" s="758">
        <v>33</v>
      </c>
      <c r="R25" s="757">
        <v>78</v>
      </c>
      <c r="S25" s="759">
        <v>2426</v>
      </c>
      <c r="T25" s="758">
        <v>1002</v>
      </c>
      <c r="U25" s="758">
        <v>1424</v>
      </c>
      <c r="V25" s="759">
        <v>2315</v>
      </c>
      <c r="W25" s="758">
        <v>969</v>
      </c>
      <c r="X25" s="757">
        <v>1346</v>
      </c>
    </row>
    <row r="26" spans="1:24" ht="16.5" customHeight="1">
      <c r="A26" s="211"/>
      <c r="B26" s="755">
        <v>141615</v>
      </c>
      <c r="C26" s="756" t="s">
        <v>613</v>
      </c>
      <c r="D26" s="757">
        <v>-5375</v>
      </c>
      <c r="E26" s="758">
        <v>-3312</v>
      </c>
      <c r="F26" s="757">
        <v>-2063</v>
      </c>
      <c r="G26" s="755">
        <v>-5628</v>
      </c>
      <c r="H26" s="758">
        <v>-3377</v>
      </c>
      <c r="I26" s="757">
        <v>-2251</v>
      </c>
      <c r="J26" s="761" t="s">
        <v>44</v>
      </c>
      <c r="K26" s="762" t="s">
        <v>44</v>
      </c>
      <c r="L26" s="762" t="s">
        <v>44</v>
      </c>
      <c r="M26" s="770">
        <v>5628</v>
      </c>
      <c r="N26" s="758">
        <v>3377</v>
      </c>
      <c r="O26" s="770">
        <v>2251</v>
      </c>
      <c r="P26" s="757">
        <v>253</v>
      </c>
      <c r="Q26" s="758">
        <v>65</v>
      </c>
      <c r="R26" s="757">
        <v>188</v>
      </c>
      <c r="S26" s="758">
        <v>2176</v>
      </c>
      <c r="T26" s="758">
        <v>791</v>
      </c>
      <c r="U26" s="758">
        <v>1385</v>
      </c>
      <c r="V26" s="758">
        <v>1923</v>
      </c>
      <c r="W26" s="758">
        <v>726</v>
      </c>
      <c r="X26" s="757">
        <v>1197</v>
      </c>
    </row>
    <row r="27" spans="1:24" ht="16.5" customHeight="1">
      <c r="A27" s="211"/>
      <c r="B27" s="755">
        <v>89229</v>
      </c>
      <c r="C27" s="756" t="s">
        <v>614</v>
      </c>
      <c r="D27" s="757">
        <v>-6349</v>
      </c>
      <c r="E27" s="758">
        <v>-3266</v>
      </c>
      <c r="F27" s="757">
        <v>-3083</v>
      </c>
      <c r="G27" s="755">
        <v>-6571</v>
      </c>
      <c r="H27" s="758">
        <v>-3315</v>
      </c>
      <c r="I27" s="757">
        <v>-3256</v>
      </c>
      <c r="J27" s="761" t="s">
        <v>44</v>
      </c>
      <c r="K27" s="762" t="s">
        <v>44</v>
      </c>
      <c r="L27" s="762" t="s">
        <v>44</v>
      </c>
      <c r="M27" s="770">
        <v>6571</v>
      </c>
      <c r="N27" s="758">
        <v>3315</v>
      </c>
      <c r="O27" s="770">
        <v>3256</v>
      </c>
      <c r="P27" s="757">
        <v>222</v>
      </c>
      <c r="Q27" s="758">
        <v>49</v>
      </c>
      <c r="R27" s="757">
        <v>173</v>
      </c>
      <c r="S27" s="758">
        <v>1829</v>
      </c>
      <c r="T27" s="758">
        <v>520</v>
      </c>
      <c r="U27" s="758">
        <v>1309</v>
      </c>
      <c r="V27" s="758">
        <v>1607</v>
      </c>
      <c r="W27" s="758">
        <v>471</v>
      </c>
      <c r="X27" s="757">
        <v>1136</v>
      </c>
    </row>
    <row r="28" spans="1:24" ht="16.5" customHeight="1">
      <c r="A28" s="211"/>
      <c r="B28" s="755">
        <v>40312</v>
      </c>
      <c r="C28" s="756" t="s">
        <v>615</v>
      </c>
      <c r="D28" s="757">
        <v>-5608</v>
      </c>
      <c r="E28" s="758">
        <v>-2224</v>
      </c>
      <c r="F28" s="757">
        <v>-3384</v>
      </c>
      <c r="G28" s="755">
        <v>-5710</v>
      </c>
      <c r="H28" s="758">
        <v>-2234</v>
      </c>
      <c r="I28" s="757">
        <v>-3476</v>
      </c>
      <c r="J28" s="761" t="s">
        <v>44</v>
      </c>
      <c r="K28" s="762" t="s">
        <v>44</v>
      </c>
      <c r="L28" s="762" t="s">
        <v>44</v>
      </c>
      <c r="M28" s="770">
        <v>5710</v>
      </c>
      <c r="N28" s="758">
        <v>2234</v>
      </c>
      <c r="O28" s="770">
        <v>3476</v>
      </c>
      <c r="P28" s="757">
        <v>102</v>
      </c>
      <c r="Q28" s="758">
        <v>10</v>
      </c>
      <c r="R28" s="757">
        <v>92</v>
      </c>
      <c r="S28" s="758">
        <v>1044</v>
      </c>
      <c r="T28" s="758">
        <v>274</v>
      </c>
      <c r="U28" s="758">
        <v>770</v>
      </c>
      <c r="V28" s="755">
        <v>942</v>
      </c>
      <c r="W28" s="758">
        <v>264</v>
      </c>
      <c r="X28" s="757">
        <v>678</v>
      </c>
    </row>
    <row r="29" spans="1:24" ht="16.5" customHeight="1">
      <c r="A29" s="211"/>
      <c r="B29" s="766">
        <v>10632</v>
      </c>
      <c r="C29" s="763" t="s">
        <v>579</v>
      </c>
      <c r="D29" s="764">
        <v>-2636</v>
      </c>
      <c r="E29" s="765">
        <v>-695</v>
      </c>
      <c r="F29" s="764">
        <v>-1941</v>
      </c>
      <c r="G29" s="766">
        <v>-2668</v>
      </c>
      <c r="H29" s="765">
        <v>-705</v>
      </c>
      <c r="I29" s="764">
        <v>-1963</v>
      </c>
      <c r="J29" s="767" t="s">
        <v>44</v>
      </c>
      <c r="K29" s="768" t="s">
        <v>44</v>
      </c>
      <c r="L29" s="768" t="s">
        <v>44</v>
      </c>
      <c r="M29" s="770">
        <v>2668</v>
      </c>
      <c r="N29" s="765">
        <v>705</v>
      </c>
      <c r="O29" s="771">
        <v>1963</v>
      </c>
      <c r="P29" s="764">
        <v>32</v>
      </c>
      <c r="Q29" s="765">
        <v>10</v>
      </c>
      <c r="R29" s="764">
        <v>22</v>
      </c>
      <c r="S29" s="758">
        <v>291</v>
      </c>
      <c r="T29" s="765">
        <v>62</v>
      </c>
      <c r="U29" s="765">
        <v>229</v>
      </c>
      <c r="V29" s="765">
        <v>259</v>
      </c>
      <c r="W29" s="765">
        <v>52</v>
      </c>
      <c r="X29" s="764">
        <v>207</v>
      </c>
    </row>
    <row r="30" spans="1:24" ht="16.5" customHeight="1">
      <c r="A30" s="211"/>
      <c r="B30" s="778">
        <v>1639</v>
      </c>
      <c r="C30" s="763" t="s">
        <v>616</v>
      </c>
      <c r="D30" s="771">
        <v>-706</v>
      </c>
      <c r="E30" s="765">
        <v>-121</v>
      </c>
      <c r="F30" s="766">
        <v>-585</v>
      </c>
      <c r="G30" s="766">
        <v>-712</v>
      </c>
      <c r="H30" s="765">
        <v>-121</v>
      </c>
      <c r="I30" s="764">
        <v>-591</v>
      </c>
      <c r="J30" s="767" t="s">
        <v>44</v>
      </c>
      <c r="K30" s="768" t="s">
        <v>44</v>
      </c>
      <c r="L30" s="768" t="s">
        <v>44</v>
      </c>
      <c r="M30" s="777">
        <v>712</v>
      </c>
      <c r="N30" s="765">
        <v>121</v>
      </c>
      <c r="O30" s="771">
        <v>591</v>
      </c>
      <c r="P30" s="764">
        <v>6</v>
      </c>
      <c r="Q30" s="765">
        <v>0</v>
      </c>
      <c r="R30" s="766">
        <v>6</v>
      </c>
      <c r="S30" s="773">
        <v>32</v>
      </c>
      <c r="T30" s="765">
        <v>1</v>
      </c>
      <c r="U30" s="765">
        <v>31</v>
      </c>
      <c r="V30" s="765">
        <v>26</v>
      </c>
      <c r="W30" s="765">
        <v>1</v>
      </c>
      <c r="X30" s="764">
        <v>25</v>
      </c>
    </row>
    <row r="31" spans="1:24" ht="16.5" customHeight="1">
      <c r="A31" s="211"/>
      <c r="B31" s="834">
        <v>22528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2" t="s">
        <v>44</v>
      </c>
      <c r="M31" s="781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446873</v>
      </c>
      <c r="C32" s="756" t="s">
        <v>497</v>
      </c>
      <c r="D32" s="757">
        <v>26639</v>
      </c>
      <c r="E32" s="758">
        <v>13601</v>
      </c>
      <c r="F32" s="757">
        <v>13038</v>
      </c>
      <c r="G32" s="755">
        <v>26315</v>
      </c>
      <c r="H32" s="758">
        <v>13485</v>
      </c>
      <c r="I32" s="757">
        <v>12830</v>
      </c>
      <c r="J32" s="755">
        <v>26394</v>
      </c>
      <c r="K32" s="758">
        <v>13522</v>
      </c>
      <c r="L32" s="758">
        <v>12872</v>
      </c>
      <c r="M32" s="757">
        <v>79</v>
      </c>
      <c r="N32" s="758">
        <v>37</v>
      </c>
      <c r="O32" s="770">
        <v>42</v>
      </c>
      <c r="P32" s="757">
        <v>324</v>
      </c>
      <c r="Q32" s="758">
        <v>116</v>
      </c>
      <c r="R32" s="757">
        <v>208</v>
      </c>
      <c r="S32" s="755">
        <v>21744</v>
      </c>
      <c r="T32" s="758">
        <v>11144</v>
      </c>
      <c r="U32" s="770">
        <v>10600</v>
      </c>
      <c r="V32" s="757">
        <v>21420</v>
      </c>
      <c r="W32" s="758">
        <v>11028</v>
      </c>
      <c r="X32" s="757">
        <v>10392</v>
      </c>
    </row>
    <row r="33" spans="1:24" ht="16.5" customHeight="1">
      <c r="A33" s="211"/>
      <c r="B33" s="755">
        <v>2358120</v>
      </c>
      <c r="C33" s="756" t="s">
        <v>582</v>
      </c>
      <c r="D33" s="757">
        <v>12223</v>
      </c>
      <c r="E33" s="758">
        <v>6224</v>
      </c>
      <c r="F33" s="757">
        <v>5999</v>
      </c>
      <c r="G33" s="755">
        <v>-3338</v>
      </c>
      <c r="H33" s="758">
        <v>-2176</v>
      </c>
      <c r="I33" s="757">
        <v>-1162</v>
      </c>
      <c r="J33" s="761" t="s">
        <v>44</v>
      </c>
      <c r="K33" s="762" t="s">
        <v>44</v>
      </c>
      <c r="L33" s="762" t="s">
        <v>44</v>
      </c>
      <c r="M33" s="757">
        <v>3338</v>
      </c>
      <c r="N33" s="758">
        <v>2176</v>
      </c>
      <c r="O33" s="770">
        <v>1162</v>
      </c>
      <c r="P33" s="757">
        <v>15561</v>
      </c>
      <c r="Q33" s="758">
        <v>8400</v>
      </c>
      <c r="R33" s="757">
        <v>7161</v>
      </c>
      <c r="S33" s="755">
        <v>190959</v>
      </c>
      <c r="T33" s="758">
        <v>103352</v>
      </c>
      <c r="U33" s="770">
        <v>87607</v>
      </c>
      <c r="V33" s="757">
        <v>175398</v>
      </c>
      <c r="W33" s="758">
        <v>94952</v>
      </c>
      <c r="X33" s="757">
        <v>80446</v>
      </c>
    </row>
    <row r="34" spans="1:24" ht="16.5" customHeight="1" thickBot="1">
      <c r="A34" s="211"/>
      <c r="B34" s="755">
        <v>922408</v>
      </c>
      <c r="C34" s="756" t="s">
        <v>617</v>
      </c>
      <c r="D34" s="757">
        <v>-29877</v>
      </c>
      <c r="E34" s="758">
        <v>-15959</v>
      </c>
      <c r="F34" s="757">
        <v>-13918</v>
      </c>
      <c r="G34" s="755">
        <v>-30177</v>
      </c>
      <c r="H34" s="758">
        <v>-15715</v>
      </c>
      <c r="I34" s="757">
        <v>-14462</v>
      </c>
      <c r="J34" s="761" t="s">
        <v>44</v>
      </c>
      <c r="K34" s="762" t="s">
        <v>44</v>
      </c>
      <c r="L34" s="762" t="s">
        <v>44</v>
      </c>
      <c r="M34" s="757">
        <v>30177</v>
      </c>
      <c r="N34" s="758">
        <v>15715</v>
      </c>
      <c r="O34" s="770">
        <v>14462</v>
      </c>
      <c r="P34" s="757">
        <v>300</v>
      </c>
      <c r="Q34" s="758">
        <v>-244</v>
      </c>
      <c r="R34" s="757">
        <v>544</v>
      </c>
      <c r="S34" s="755">
        <v>14180</v>
      </c>
      <c r="T34" s="758">
        <v>5959</v>
      </c>
      <c r="U34" s="770">
        <v>8221</v>
      </c>
      <c r="V34" s="757">
        <v>13880</v>
      </c>
      <c r="W34" s="758">
        <v>6203</v>
      </c>
      <c r="X34" s="757">
        <v>7677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364</v>
      </c>
      <c r="F36" s="792" t="s">
        <v>364</v>
      </c>
      <c r="G36" s="794" t="s">
        <v>364</v>
      </c>
      <c r="H36" s="793" t="s">
        <v>364</v>
      </c>
      <c r="I36" s="792" t="s">
        <v>36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618</v>
      </c>
      <c r="Q36" s="793" t="s">
        <v>364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8</v>
      </c>
      <c r="C38" s="756" t="s">
        <v>559</v>
      </c>
      <c r="D38" s="803" t="s">
        <v>364</v>
      </c>
      <c r="E38" s="804" t="s">
        <v>618</v>
      </c>
      <c r="F38" s="803" t="s">
        <v>364</v>
      </c>
      <c r="G38" s="805" t="s">
        <v>364</v>
      </c>
      <c r="H38" s="804" t="s">
        <v>364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.2</v>
      </c>
      <c r="N38" s="809">
        <v>0.2</v>
      </c>
      <c r="O38" s="810">
        <v>0.2</v>
      </c>
      <c r="P38" s="805" t="s">
        <v>619</v>
      </c>
      <c r="Q38" s="804" t="s">
        <v>364</v>
      </c>
      <c r="R38" s="803" t="s">
        <v>364</v>
      </c>
      <c r="S38" s="811">
        <v>5.2</v>
      </c>
      <c r="T38" s="809">
        <v>5.0999999999999996</v>
      </c>
      <c r="U38" s="810">
        <v>5.3</v>
      </c>
      <c r="V38" s="808">
        <v>5.6</v>
      </c>
      <c r="W38" s="809">
        <v>5.5</v>
      </c>
      <c r="X38" s="808">
        <v>5.8</v>
      </c>
    </row>
    <row r="39" spans="1:24" ht="16.5" customHeight="1">
      <c r="A39" s="211"/>
      <c r="B39" s="802">
        <v>4</v>
      </c>
      <c r="C39" s="756" t="s">
        <v>620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2.7</v>
      </c>
      <c r="T39" s="809">
        <v>2.6</v>
      </c>
      <c r="U39" s="810">
        <v>2.8</v>
      </c>
      <c r="V39" s="808">
        <v>2.9</v>
      </c>
      <c r="W39" s="809">
        <v>2.8</v>
      </c>
      <c r="X39" s="808">
        <v>3.1</v>
      </c>
    </row>
    <row r="40" spans="1:24" ht="16.5" customHeight="1">
      <c r="A40" s="211"/>
      <c r="B40" s="802">
        <v>4.2</v>
      </c>
      <c r="C40" s="756" t="s">
        <v>621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</v>
      </c>
      <c r="P40" s="805" t="s">
        <v>44</v>
      </c>
      <c r="Q40" s="804" t="s">
        <v>44</v>
      </c>
      <c r="R40" s="803" t="s">
        <v>44</v>
      </c>
      <c r="S40" s="811">
        <v>1.7</v>
      </c>
      <c r="T40" s="809">
        <v>1.5</v>
      </c>
      <c r="U40" s="810">
        <v>1.8</v>
      </c>
      <c r="V40" s="808">
        <v>1.6</v>
      </c>
      <c r="W40" s="809">
        <v>1.5</v>
      </c>
      <c r="X40" s="808">
        <v>1.7</v>
      </c>
    </row>
    <row r="41" spans="1:24" ht="16.5" customHeight="1">
      <c r="A41" s="211"/>
      <c r="B41" s="802">
        <v>4.5999999999999996</v>
      </c>
      <c r="C41" s="756" t="s">
        <v>604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1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3.6</v>
      </c>
      <c r="T41" s="809">
        <v>3.5</v>
      </c>
      <c r="U41" s="810">
        <v>3.7</v>
      </c>
      <c r="V41" s="808">
        <v>2.5</v>
      </c>
      <c r="W41" s="809">
        <v>2.4</v>
      </c>
      <c r="X41" s="808">
        <v>2.7</v>
      </c>
    </row>
    <row r="42" spans="1:24" ht="16.5" customHeight="1">
      <c r="A42" s="211"/>
      <c r="B42" s="800">
        <v>5.6</v>
      </c>
      <c r="C42" s="763" t="s">
        <v>605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2</v>
      </c>
      <c r="N42" s="816">
        <v>0.3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6.5</v>
      </c>
      <c r="T42" s="816">
        <v>16.2</v>
      </c>
      <c r="U42" s="817">
        <v>16.8</v>
      </c>
      <c r="V42" s="815">
        <v>13.7</v>
      </c>
      <c r="W42" s="816">
        <v>13.5</v>
      </c>
      <c r="X42" s="815">
        <v>14</v>
      </c>
    </row>
    <row r="43" spans="1:24" ht="16.5" customHeight="1">
      <c r="A43" s="211"/>
      <c r="B43" s="802">
        <v>5.5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2</v>
      </c>
      <c r="N43" s="809">
        <v>0.2</v>
      </c>
      <c r="O43" s="810">
        <v>0.2</v>
      </c>
      <c r="P43" s="805" t="s">
        <v>44</v>
      </c>
      <c r="Q43" s="804" t="s">
        <v>44</v>
      </c>
      <c r="R43" s="803" t="s">
        <v>44</v>
      </c>
      <c r="S43" s="811">
        <v>20.5</v>
      </c>
      <c r="T43" s="809">
        <v>20.6</v>
      </c>
      <c r="U43" s="810">
        <v>20.5</v>
      </c>
      <c r="V43" s="808">
        <v>20.6</v>
      </c>
      <c r="W43" s="809">
        <v>20.3</v>
      </c>
      <c r="X43" s="808">
        <v>21</v>
      </c>
    </row>
    <row r="44" spans="1:24" ht="16.5" customHeight="1">
      <c r="A44" s="729" t="s">
        <v>586</v>
      </c>
      <c r="B44" s="802">
        <v>5.6</v>
      </c>
      <c r="C44" s="756" t="s">
        <v>479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2</v>
      </c>
      <c r="N44" s="809">
        <v>0.3</v>
      </c>
      <c r="O44" s="810">
        <v>0.1</v>
      </c>
      <c r="P44" s="805" t="s">
        <v>44</v>
      </c>
      <c r="Q44" s="804" t="s">
        <v>44</v>
      </c>
      <c r="R44" s="803" t="s">
        <v>44</v>
      </c>
      <c r="S44" s="811">
        <v>14.4</v>
      </c>
      <c r="T44" s="809">
        <v>14.5</v>
      </c>
      <c r="U44" s="810">
        <v>14.4</v>
      </c>
      <c r="V44" s="808">
        <v>15.2</v>
      </c>
      <c r="W44" s="809">
        <v>15.2</v>
      </c>
      <c r="X44" s="808">
        <v>15.1</v>
      </c>
    </row>
    <row r="45" spans="1:24" ht="16.5" customHeight="1">
      <c r="A45" s="729"/>
      <c r="B45" s="802">
        <v>6.3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4</v>
      </c>
      <c r="N45" s="809">
        <v>0.4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9.4</v>
      </c>
      <c r="T45" s="809">
        <v>9.8000000000000007</v>
      </c>
      <c r="U45" s="810">
        <v>9</v>
      </c>
      <c r="V45" s="808">
        <v>9.9</v>
      </c>
      <c r="W45" s="809">
        <v>10.3</v>
      </c>
      <c r="X45" s="808">
        <v>9.5</v>
      </c>
    </row>
    <row r="46" spans="1:24" ht="16.5" customHeight="1">
      <c r="A46" s="731"/>
      <c r="B46" s="802">
        <v>7.2</v>
      </c>
      <c r="C46" s="756" t="s">
        <v>567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6</v>
      </c>
      <c r="N46" s="809">
        <v>0.6</v>
      </c>
      <c r="O46" s="810">
        <v>0.6</v>
      </c>
      <c r="P46" s="805" t="s">
        <v>44</v>
      </c>
      <c r="Q46" s="804" t="s">
        <v>44</v>
      </c>
      <c r="R46" s="803" t="s">
        <v>44</v>
      </c>
      <c r="S46" s="811">
        <v>6.3</v>
      </c>
      <c r="T46" s="809">
        <v>6.8</v>
      </c>
      <c r="U46" s="810">
        <v>5.7</v>
      </c>
      <c r="V46" s="808">
        <v>6.6</v>
      </c>
      <c r="W46" s="809">
        <v>7.1</v>
      </c>
      <c r="X46" s="808">
        <v>6.1</v>
      </c>
    </row>
    <row r="47" spans="1:24" ht="16.5" customHeight="1">
      <c r="A47" s="731"/>
      <c r="B47" s="802">
        <v>8.6999999999999993</v>
      </c>
      <c r="C47" s="763" t="s">
        <v>607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1000000000000001</v>
      </c>
      <c r="N47" s="816">
        <v>1.2</v>
      </c>
      <c r="O47" s="817">
        <v>1</v>
      </c>
      <c r="P47" s="812" t="s">
        <v>44</v>
      </c>
      <c r="Q47" s="813" t="s">
        <v>44</v>
      </c>
      <c r="R47" s="814" t="s">
        <v>44</v>
      </c>
      <c r="S47" s="818">
        <v>5.0999999999999996</v>
      </c>
      <c r="T47" s="816">
        <v>5.4</v>
      </c>
      <c r="U47" s="817">
        <v>4.7</v>
      </c>
      <c r="V47" s="815">
        <v>5.4</v>
      </c>
      <c r="W47" s="816">
        <v>5.8</v>
      </c>
      <c r="X47" s="815">
        <v>4.8</v>
      </c>
    </row>
    <row r="48" spans="1:24" ht="16.5" customHeight="1">
      <c r="A48" s="729" t="s">
        <v>520</v>
      </c>
      <c r="B48" s="835">
        <v>8</v>
      </c>
      <c r="C48" s="756" t="s">
        <v>608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7</v>
      </c>
      <c r="N48" s="809">
        <v>2</v>
      </c>
      <c r="O48" s="810">
        <v>1.3</v>
      </c>
      <c r="P48" s="805" t="s">
        <v>44</v>
      </c>
      <c r="Q48" s="804" t="s">
        <v>44</v>
      </c>
      <c r="R48" s="803" t="s">
        <v>44</v>
      </c>
      <c r="S48" s="811">
        <v>3.8</v>
      </c>
      <c r="T48" s="809">
        <v>4.0999999999999996</v>
      </c>
      <c r="U48" s="810">
        <v>3.5</v>
      </c>
      <c r="V48" s="808">
        <v>4.0999999999999996</v>
      </c>
      <c r="W48" s="809">
        <v>4.4000000000000004</v>
      </c>
      <c r="X48" s="808">
        <v>3.7</v>
      </c>
    </row>
    <row r="49" spans="1:24" ht="16.5" customHeight="1">
      <c r="A49" s="731"/>
      <c r="B49" s="802">
        <v>6.5</v>
      </c>
      <c r="C49" s="756" t="s">
        <v>623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.4</v>
      </c>
      <c r="N49" s="809">
        <v>3</v>
      </c>
      <c r="O49" s="810">
        <v>1.6</v>
      </c>
      <c r="P49" s="805" t="s">
        <v>44</v>
      </c>
      <c r="Q49" s="804" t="s">
        <v>44</v>
      </c>
      <c r="R49" s="803" t="s">
        <v>44</v>
      </c>
      <c r="S49" s="811">
        <v>2.7</v>
      </c>
      <c r="T49" s="809">
        <v>2.9</v>
      </c>
      <c r="U49" s="810">
        <v>2.4</v>
      </c>
      <c r="V49" s="808">
        <v>3</v>
      </c>
      <c r="W49" s="809">
        <v>3.3</v>
      </c>
      <c r="X49" s="808">
        <v>2.8</v>
      </c>
    </row>
    <row r="50" spans="1:24" ht="16.5" customHeight="1">
      <c r="A50" s="729"/>
      <c r="B50" s="802">
        <v>5.3</v>
      </c>
      <c r="C50" s="756" t="s">
        <v>609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3.1</v>
      </c>
      <c r="N50" s="809">
        <v>3.9</v>
      </c>
      <c r="O50" s="810">
        <v>2.2000000000000002</v>
      </c>
      <c r="P50" s="805" t="s">
        <v>44</v>
      </c>
      <c r="Q50" s="804" t="s">
        <v>44</v>
      </c>
      <c r="R50" s="803" t="s">
        <v>44</v>
      </c>
      <c r="S50" s="811">
        <v>1.8</v>
      </c>
      <c r="T50" s="809">
        <v>2</v>
      </c>
      <c r="U50" s="810">
        <v>1.6</v>
      </c>
      <c r="V50" s="808">
        <v>2.2000000000000002</v>
      </c>
      <c r="W50" s="809">
        <v>2.4</v>
      </c>
      <c r="X50" s="808">
        <v>2</v>
      </c>
    </row>
    <row r="51" spans="1:24" ht="16.5" customHeight="1">
      <c r="A51" s="731"/>
      <c r="B51" s="802">
        <v>5.7</v>
      </c>
      <c r="C51" s="756" t="s">
        <v>610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5.2</v>
      </c>
      <c r="N51" s="809">
        <v>7</v>
      </c>
      <c r="O51" s="810">
        <v>3.2</v>
      </c>
      <c r="P51" s="805" t="s">
        <v>44</v>
      </c>
      <c r="Q51" s="804" t="s">
        <v>44</v>
      </c>
      <c r="R51" s="803" t="s">
        <v>44</v>
      </c>
      <c r="S51" s="811">
        <v>1.5</v>
      </c>
      <c r="T51" s="809">
        <v>1.5</v>
      </c>
      <c r="U51" s="810">
        <v>1.4</v>
      </c>
      <c r="V51" s="808">
        <v>1.8</v>
      </c>
      <c r="W51" s="809">
        <v>1.9</v>
      </c>
      <c r="X51" s="808">
        <v>1.7</v>
      </c>
    </row>
    <row r="52" spans="1:24" ht="16.5" customHeight="1">
      <c r="A52" s="729" t="s">
        <v>589</v>
      </c>
      <c r="B52" s="800">
        <v>6.2</v>
      </c>
      <c r="C52" s="763" t="s">
        <v>611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8.9</v>
      </c>
      <c r="N52" s="816">
        <v>11.2</v>
      </c>
      <c r="O52" s="817">
        <v>6.2</v>
      </c>
      <c r="P52" s="812" t="s">
        <v>44</v>
      </c>
      <c r="Q52" s="813" t="s">
        <v>44</v>
      </c>
      <c r="R52" s="814" t="s">
        <v>44</v>
      </c>
      <c r="S52" s="818">
        <v>1.3</v>
      </c>
      <c r="T52" s="816">
        <v>1.2</v>
      </c>
      <c r="U52" s="817">
        <v>1.4</v>
      </c>
      <c r="V52" s="815">
        <v>1.5</v>
      </c>
      <c r="W52" s="816">
        <v>1.4</v>
      </c>
      <c r="X52" s="815">
        <v>1.5</v>
      </c>
    </row>
    <row r="53" spans="1:24" ht="16.5" customHeight="1">
      <c r="A53" s="211"/>
      <c r="B53" s="802">
        <v>5.3</v>
      </c>
      <c r="C53" s="756" t="s">
        <v>624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2.3</v>
      </c>
      <c r="N53" s="809">
        <v>15</v>
      </c>
      <c r="O53" s="810">
        <v>9.1999999999999993</v>
      </c>
      <c r="P53" s="805" t="s">
        <v>44</v>
      </c>
      <c r="Q53" s="804" t="s">
        <v>44</v>
      </c>
      <c r="R53" s="803" t="s">
        <v>44</v>
      </c>
      <c r="S53" s="811">
        <v>1.1000000000000001</v>
      </c>
      <c r="T53" s="809">
        <v>0.8</v>
      </c>
      <c r="U53" s="810">
        <v>1.3</v>
      </c>
      <c r="V53" s="808">
        <v>1.1000000000000001</v>
      </c>
      <c r="W53" s="809">
        <v>0.9</v>
      </c>
      <c r="X53" s="808">
        <v>1.4</v>
      </c>
    </row>
    <row r="54" spans="1:24" ht="16.5" customHeight="1">
      <c r="A54" s="211"/>
      <c r="B54" s="802">
        <v>3.8</v>
      </c>
      <c r="C54" s="756" t="s">
        <v>613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.8</v>
      </c>
      <c r="N54" s="809">
        <v>18.8</v>
      </c>
      <c r="O54" s="810">
        <v>14.4</v>
      </c>
      <c r="P54" s="805" t="s">
        <v>44</v>
      </c>
      <c r="Q54" s="804" t="s">
        <v>44</v>
      </c>
      <c r="R54" s="803" t="s">
        <v>44</v>
      </c>
      <c r="S54" s="811">
        <v>1</v>
      </c>
      <c r="T54" s="809">
        <v>0.7</v>
      </c>
      <c r="U54" s="810">
        <v>1.3</v>
      </c>
      <c r="V54" s="808">
        <v>0.9</v>
      </c>
      <c r="W54" s="809">
        <v>0.6</v>
      </c>
      <c r="X54" s="808">
        <v>1.2</v>
      </c>
    </row>
    <row r="55" spans="1:24" ht="16.5" customHeight="1">
      <c r="A55" s="211"/>
      <c r="B55" s="802">
        <v>2.4</v>
      </c>
      <c r="C55" s="756" t="s">
        <v>614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19.600000000000001</v>
      </c>
      <c r="N55" s="809">
        <v>18.5</v>
      </c>
      <c r="O55" s="810">
        <v>20.8</v>
      </c>
      <c r="P55" s="805" t="s">
        <v>44</v>
      </c>
      <c r="Q55" s="804" t="s">
        <v>44</v>
      </c>
      <c r="R55" s="803" t="s">
        <v>44</v>
      </c>
      <c r="S55" s="811">
        <v>0.8</v>
      </c>
      <c r="T55" s="809">
        <v>0.4</v>
      </c>
      <c r="U55" s="810">
        <v>1.2</v>
      </c>
      <c r="V55" s="808">
        <v>0.8</v>
      </c>
      <c r="W55" s="809">
        <v>0.4</v>
      </c>
      <c r="X55" s="808">
        <v>1.2</v>
      </c>
    </row>
    <row r="56" spans="1:24" ht="16.5" customHeight="1">
      <c r="A56" s="211"/>
      <c r="B56" s="802">
        <v>1.1000000000000001</v>
      </c>
      <c r="C56" s="756" t="s">
        <v>625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7</v>
      </c>
      <c r="N56" s="809">
        <v>12.5</v>
      </c>
      <c r="O56" s="810">
        <v>22.2</v>
      </c>
      <c r="P56" s="805" t="s">
        <v>44</v>
      </c>
      <c r="Q56" s="804" t="s">
        <v>44</v>
      </c>
      <c r="R56" s="803" t="s">
        <v>44</v>
      </c>
      <c r="S56" s="811">
        <v>0.5</v>
      </c>
      <c r="T56" s="809">
        <v>0.2</v>
      </c>
      <c r="U56" s="810">
        <v>0.7</v>
      </c>
      <c r="V56" s="808">
        <v>0.4</v>
      </c>
      <c r="W56" s="809">
        <v>0.2</v>
      </c>
      <c r="X56" s="808">
        <v>0.7</v>
      </c>
    </row>
    <row r="57" spans="1:24" ht="16.5" customHeight="1">
      <c r="A57" s="211"/>
      <c r="B57" s="800">
        <v>0.3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7.9</v>
      </c>
      <c r="N57" s="816">
        <v>3.9</v>
      </c>
      <c r="O57" s="817">
        <v>12.5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.1</v>
      </c>
      <c r="U57" s="817">
        <v>0.2</v>
      </c>
      <c r="V57" s="815">
        <v>0.1</v>
      </c>
      <c r="W57" s="816">
        <v>0</v>
      </c>
      <c r="X57" s="815">
        <v>0.2</v>
      </c>
    </row>
    <row r="58" spans="1:24" ht="16.5" customHeight="1">
      <c r="A58" s="211"/>
      <c r="B58" s="802">
        <v>0</v>
      </c>
      <c r="C58" s="763" t="s">
        <v>626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2.1</v>
      </c>
      <c r="N58" s="816">
        <v>0.7</v>
      </c>
      <c r="O58" s="816">
        <v>3.8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36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2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2</v>
      </c>
      <c r="N60" s="809">
        <v>0.2</v>
      </c>
      <c r="O60" s="810">
        <v>0.3</v>
      </c>
      <c r="P60" s="805" t="s">
        <v>44</v>
      </c>
      <c r="Q60" s="804" t="s">
        <v>44</v>
      </c>
      <c r="R60" s="803" t="s">
        <v>44</v>
      </c>
      <c r="S60" s="811">
        <v>9.6</v>
      </c>
      <c r="T60" s="809">
        <v>9.3000000000000007</v>
      </c>
      <c r="U60" s="810">
        <v>10</v>
      </c>
      <c r="V60" s="808">
        <v>10.199999999999999</v>
      </c>
      <c r="W60" s="809">
        <v>9.8000000000000007</v>
      </c>
      <c r="X60" s="808">
        <v>10.5</v>
      </c>
    </row>
    <row r="61" spans="1:24" ht="16.5" customHeight="1">
      <c r="A61" s="211"/>
      <c r="B61" s="802">
        <v>63.3</v>
      </c>
      <c r="C61" s="756" t="s">
        <v>582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9.9</v>
      </c>
      <c r="N61" s="809">
        <v>12.1</v>
      </c>
      <c r="O61" s="810">
        <v>7.4</v>
      </c>
      <c r="P61" s="805" t="s">
        <v>44</v>
      </c>
      <c r="Q61" s="804" t="s">
        <v>44</v>
      </c>
      <c r="R61" s="803" t="s">
        <v>44</v>
      </c>
      <c r="S61" s="811">
        <v>84.2</v>
      </c>
      <c r="T61" s="809">
        <v>85.8</v>
      </c>
      <c r="U61" s="810">
        <v>82.3</v>
      </c>
      <c r="V61" s="808">
        <v>83.2</v>
      </c>
      <c r="W61" s="809">
        <v>84.6</v>
      </c>
      <c r="X61" s="808">
        <v>81.7</v>
      </c>
    </row>
    <row r="62" spans="1:24" ht="16.5" customHeight="1" thickBot="1">
      <c r="A62" s="824"/>
      <c r="B62" s="825">
        <v>24.7</v>
      </c>
      <c r="C62" s="826" t="s">
        <v>617</v>
      </c>
      <c r="D62" s="828" t="s">
        <v>44</v>
      </c>
      <c r="E62" s="827" t="s">
        <v>44</v>
      </c>
      <c r="F62" s="837" t="s">
        <v>44</v>
      </c>
      <c r="G62" s="828" t="s">
        <v>44</v>
      </c>
      <c r="H62" s="827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29">
        <v>89.8</v>
      </c>
      <c r="N62" s="830">
        <v>87.7</v>
      </c>
      <c r="O62" s="831">
        <v>92.3</v>
      </c>
      <c r="P62" s="828" t="s">
        <v>44</v>
      </c>
      <c r="Q62" s="827" t="s">
        <v>44</v>
      </c>
      <c r="R62" s="827" t="s">
        <v>44</v>
      </c>
      <c r="S62" s="832">
        <v>6.2</v>
      </c>
      <c r="T62" s="830">
        <v>4.9000000000000004</v>
      </c>
      <c r="U62" s="831">
        <v>7.7</v>
      </c>
      <c r="V62" s="829">
        <v>6.6</v>
      </c>
      <c r="W62" s="830">
        <v>5.5</v>
      </c>
      <c r="X62" s="829">
        <v>7.8</v>
      </c>
    </row>
    <row r="63" spans="1:24" ht="15" thickTop="1">
      <c r="A63" s="296" t="s">
        <v>627</v>
      </c>
      <c r="B63" s="296" t="s">
        <v>537</v>
      </c>
      <c r="C63" s="296"/>
      <c r="D63" s="296"/>
      <c r="E63" s="296"/>
      <c r="F63" s="296"/>
      <c r="G63" s="296"/>
      <c r="H63" s="296"/>
      <c r="I63" s="296"/>
    </row>
    <row r="64" spans="1:24" ht="14.25">
      <c r="B64" s="296" t="s">
        <v>538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8">
    <mergeCell ref="V5:X5"/>
    <mergeCell ref="B65:I65"/>
    <mergeCell ref="M4:O4"/>
    <mergeCell ref="P4:R4"/>
    <mergeCell ref="S4:U4"/>
    <mergeCell ref="V4:X4"/>
    <mergeCell ref="D5:F5"/>
    <mergeCell ref="G5:I5"/>
    <mergeCell ref="J5:L5"/>
    <mergeCell ref="M5:O5"/>
    <mergeCell ref="P5:R5"/>
    <mergeCell ref="S5:U5"/>
    <mergeCell ref="J4:L4"/>
    <mergeCell ref="A3:B3"/>
    <mergeCell ref="A4:B4"/>
    <mergeCell ref="C4:C5"/>
    <mergeCell ref="D4:F4"/>
    <mergeCell ref="G4:I4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&amp;10-26-</oddFooter>
    <evenFooter>&amp;C&amp;"ＭＳ ゴシック,太字"&amp;10-27-</even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zoomScale="90" zoomScaleNormal="9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628</v>
      </c>
      <c r="B1" s="295"/>
      <c r="C1" s="353"/>
      <c r="D1" s="353"/>
      <c r="E1" s="353"/>
      <c r="F1" s="353"/>
      <c r="Q1" s="353" t="s">
        <v>629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728" t="s">
        <v>594</v>
      </c>
      <c r="B3" s="729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596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549</v>
      </c>
      <c r="H5" s="1324"/>
      <c r="I5" s="1325"/>
      <c r="J5" s="1323" t="s">
        <v>630</v>
      </c>
      <c r="K5" s="1324"/>
      <c r="L5" s="1325"/>
      <c r="M5" s="1324" t="s">
        <v>599</v>
      </c>
      <c r="N5" s="1324"/>
      <c r="O5" s="1325"/>
      <c r="P5" s="1323" t="s">
        <v>631</v>
      </c>
      <c r="Q5" s="1324"/>
      <c r="R5" s="1325"/>
      <c r="S5" s="1323" t="s">
        <v>601</v>
      </c>
      <c r="T5" s="1324"/>
      <c r="U5" s="1325"/>
      <c r="V5" s="1323" t="s">
        <v>63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1096" t="s">
        <v>555</v>
      </c>
      <c r="K6" s="739" t="s">
        <v>556</v>
      </c>
      <c r="L6" s="739" t="s">
        <v>557</v>
      </c>
      <c r="M6" s="1097" t="s">
        <v>555</v>
      </c>
      <c r="N6" s="739" t="s">
        <v>633</v>
      </c>
      <c r="O6" s="1098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4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1531646</v>
      </c>
      <c r="C8" s="746" t="s">
        <v>214</v>
      </c>
      <c r="D8" s="747">
        <v>13890</v>
      </c>
      <c r="E8" s="748">
        <v>6223</v>
      </c>
      <c r="F8" s="747">
        <v>7667</v>
      </c>
      <c r="G8" s="745">
        <v>1744</v>
      </c>
      <c r="H8" s="748">
        <v>641</v>
      </c>
      <c r="I8" s="747">
        <v>1103</v>
      </c>
      <c r="J8" s="745">
        <v>13421</v>
      </c>
      <c r="K8" s="748">
        <v>6914</v>
      </c>
      <c r="L8" s="748">
        <v>6507</v>
      </c>
      <c r="M8" s="747">
        <v>11677</v>
      </c>
      <c r="N8" s="748">
        <v>6273</v>
      </c>
      <c r="O8" s="749">
        <v>5404</v>
      </c>
      <c r="P8" s="747">
        <v>12146</v>
      </c>
      <c r="Q8" s="748">
        <v>5582</v>
      </c>
      <c r="R8" s="747">
        <v>6564</v>
      </c>
      <c r="S8" s="745">
        <v>111088</v>
      </c>
      <c r="T8" s="748">
        <v>58976</v>
      </c>
      <c r="U8" s="749">
        <v>52112</v>
      </c>
      <c r="V8" s="747">
        <v>98942</v>
      </c>
      <c r="W8" s="748">
        <v>53394</v>
      </c>
      <c r="X8" s="747">
        <v>45548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66448</v>
      </c>
      <c r="C10" s="756" t="s">
        <v>559</v>
      </c>
      <c r="D10" s="757">
        <v>12482</v>
      </c>
      <c r="E10" s="758">
        <v>6341</v>
      </c>
      <c r="F10" s="757">
        <v>6141</v>
      </c>
      <c r="G10" s="755">
        <v>13396</v>
      </c>
      <c r="H10" s="758">
        <v>6899</v>
      </c>
      <c r="I10" s="757">
        <v>6497</v>
      </c>
      <c r="J10" s="755">
        <v>13421</v>
      </c>
      <c r="K10" s="758">
        <v>6914</v>
      </c>
      <c r="L10" s="758">
        <v>6507</v>
      </c>
      <c r="M10" s="769">
        <v>25</v>
      </c>
      <c r="N10" s="758">
        <v>15</v>
      </c>
      <c r="O10" s="770">
        <v>10</v>
      </c>
      <c r="P10" s="757">
        <v>-914</v>
      </c>
      <c r="Q10" s="758">
        <v>-558</v>
      </c>
      <c r="R10" s="757">
        <v>-356</v>
      </c>
      <c r="S10" s="755">
        <v>4881</v>
      </c>
      <c r="T10" s="758">
        <v>2485</v>
      </c>
      <c r="U10" s="758">
        <v>2396</v>
      </c>
      <c r="V10" s="755">
        <v>5795</v>
      </c>
      <c r="W10" s="758">
        <v>3043</v>
      </c>
      <c r="X10" s="757">
        <v>2752</v>
      </c>
    </row>
    <row r="11" spans="1:24" ht="16.5" customHeight="1">
      <c r="A11" s="211"/>
      <c r="B11" s="755">
        <v>60863</v>
      </c>
      <c r="C11" s="756" t="s">
        <v>474</v>
      </c>
      <c r="D11" s="757">
        <v>-458</v>
      </c>
      <c r="E11" s="758">
        <v>-165</v>
      </c>
      <c r="F11" s="757">
        <v>-293</v>
      </c>
      <c r="G11" s="755">
        <v>-2</v>
      </c>
      <c r="H11" s="758">
        <v>-1</v>
      </c>
      <c r="I11" s="757">
        <v>-1</v>
      </c>
      <c r="J11" s="761" t="s">
        <v>44</v>
      </c>
      <c r="K11" s="762" t="s">
        <v>44</v>
      </c>
      <c r="L11" s="762" t="s">
        <v>44</v>
      </c>
      <c r="M11" s="770">
        <v>2</v>
      </c>
      <c r="N11" s="758">
        <v>1</v>
      </c>
      <c r="O11" s="770">
        <v>1</v>
      </c>
      <c r="P11" s="757">
        <v>-456</v>
      </c>
      <c r="Q11" s="758">
        <v>-164</v>
      </c>
      <c r="R11" s="757">
        <v>-292</v>
      </c>
      <c r="S11" s="758">
        <v>2213</v>
      </c>
      <c r="T11" s="758">
        <v>1165</v>
      </c>
      <c r="U11" s="758">
        <v>1048</v>
      </c>
      <c r="V11" s="758">
        <v>2669</v>
      </c>
      <c r="W11" s="758">
        <v>1329</v>
      </c>
      <c r="X11" s="757">
        <v>1340</v>
      </c>
    </row>
    <row r="12" spans="1:24" ht="16.5" customHeight="1">
      <c r="A12" s="211"/>
      <c r="B12" s="755">
        <v>59530</v>
      </c>
      <c r="C12" s="756" t="s">
        <v>621</v>
      </c>
      <c r="D12" s="757">
        <v>-28</v>
      </c>
      <c r="E12" s="758">
        <v>9</v>
      </c>
      <c r="F12" s="757">
        <v>-37</v>
      </c>
      <c r="G12" s="755">
        <v>-4</v>
      </c>
      <c r="H12" s="758">
        <v>-2</v>
      </c>
      <c r="I12" s="757">
        <v>-2</v>
      </c>
      <c r="J12" s="761" t="s">
        <v>44</v>
      </c>
      <c r="K12" s="762" t="s">
        <v>44</v>
      </c>
      <c r="L12" s="762" t="s">
        <v>44</v>
      </c>
      <c r="M12" s="770">
        <v>4</v>
      </c>
      <c r="N12" s="758">
        <v>2</v>
      </c>
      <c r="O12" s="770">
        <v>2</v>
      </c>
      <c r="P12" s="757">
        <v>-24</v>
      </c>
      <c r="Q12" s="758">
        <v>11</v>
      </c>
      <c r="R12" s="757">
        <v>-35</v>
      </c>
      <c r="S12" s="758">
        <v>1247</v>
      </c>
      <c r="T12" s="758">
        <v>647</v>
      </c>
      <c r="U12" s="758">
        <v>600</v>
      </c>
      <c r="V12" s="758">
        <v>1271</v>
      </c>
      <c r="W12" s="758">
        <v>636</v>
      </c>
      <c r="X12" s="757">
        <v>635</v>
      </c>
    </row>
    <row r="13" spans="1:24" ht="16.5" customHeight="1">
      <c r="A13" s="211"/>
      <c r="B13" s="755">
        <v>61563</v>
      </c>
      <c r="C13" s="756" t="s">
        <v>476</v>
      </c>
      <c r="D13" s="757">
        <v>1749</v>
      </c>
      <c r="E13" s="758">
        <v>925</v>
      </c>
      <c r="F13" s="757">
        <v>824</v>
      </c>
      <c r="G13" s="755">
        <v>-15</v>
      </c>
      <c r="H13" s="758">
        <v>-10</v>
      </c>
      <c r="I13" s="757">
        <v>-5</v>
      </c>
      <c r="J13" s="761" t="s">
        <v>44</v>
      </c>
      <c r="K13" s="762" t="s">
        <v>44</v>
      </c>
      <c r="L13" s="762" t="s">
        <v>44</v>
      </c>
      <c r="M13" s="770">
        <v>15</v>
      </c>
      <c r="N13" s="758">
        <v>10</v>
      </c>
      <c r="O13" s="770">
        <v>5</v>
      </c>
      <c r="P13" s="757">
        <v>1764</v>
      </c>
      <c r="Q13" s="758">
        <v>935</v>
      </c>
      <c r="R13" s="757">
        <v>829</v>
      </c>
      <c r="S13" s="758">
        <v>3780</v>
      </c>
      <c r="T13" s="758">
        <v>2041</v>
      </c>
      <c r="U13" s="758">
        <v>1739</v>
      </c>
      <c r="V13" s="758">
        <v>2016</v>
      </c>
      <c r="W13" s="758">
        <v>1106</v>
      </c>
      <c r="X13" s="757">
        <v>910</v>
      </c>
    </row>
    <row r="14" spans="1:24" ht="16.5" customHeight="1">
      <c r="A14" s="211"/>
      <c r="B14" s="766">
        <v>92449</v>
      </c>
      <c r="C14" s="763" t="s">
        <v>605</v>
      </c>
      <c r="D14" s="764">
        <v>8084</v>
      </c>
      <c r="E14" s="765">
        <v>3912</v>
      </c>
      <c r="F14" s="764">
        <v>4172</v>
      </c>
      <c r="G14" s="766">
        <v>-19</v>
      </c>
      <c r="H14" s="765">
        <v>-13</v>
      </c>
      <c r="I14" s="764">
        <v>-6</v>
      </c>
      <c r="J14" s="767" t="s">
        <v>44</v>
      </c>
      <c r="K14" s="768" t="s">
        <v>44</v>
      </c>
      <c r="L14" s="768" t="s">
        <v>44</v>
      </c>
      <c r="M14" s="770">
        <v>19</v>
      </c>
      <c r="N14" s="765">
        <v>13</v>
      </c>
      <c r="O14" s="771">
        <v>6</v>
      </c>
      <c r="P14" s="764">
        <v>8103</v>
      </c>
      <c r="Q14" s="765">
        <v>3925</v>
      </c>
      <c r="R14" s="764">
        <v>4178</v>
      </c>
      <c r="S14" s="765">
        <v>21081</v>
      </c>
      <c r="T14" s="765">
        <v>10562</v>
      </c>
      <c r="U14" s="765">
        <v>10519</v>
      </c>
      <c r="V14" s="758">
        <v>12978</v>
      </c>
      <c r="W14" s="765">
        <v>6637</v>
      </c>
      <c r="X14" s="764">
        <v>6341</v>
      </c>
    </row>
    <row r="15" spans="1:24" ht="16.5" customHeight="1">
      <c r="A15" s="211"/>
      <c r="B15" s="755">
        <v>109222</v>
      </c>
      <c r="C15" s="756" t="s">
        <v>564</v>
      </c>
      <c r="D15" s="757">
        <v>3990</v>
      </c>
      <c r="E15" s="758">
        <v>1976</v>
      </c>
      <c r="F15" s="757">
        <v>2014</v>
      </c>
      <c r="G15" s="755">
        <v>-31</v>
      </c>
      <c r="H15" s="758">
        <v>-22</v>
      </c>
      <c r="I15" s="757">
        <v>-9</v>
      </c>
      <c r="J15" s="761" t="s">
        <v>44</v>
      </c>
      <c r="K15" s="762" t="s">
        <v>44</v>
      </c>
      <c r="L15" s="762" t="s">
        <v>44</v>
      </c>
      <c r="M15" s="769">
        <v>31</v>
      </c>
      <c r="N15" s="758">
        <v>22</v>
      </c>
      <c r="O15" s="770">
        <v>9</v>
      </c>
      <c r="P15" s="757">
        <v>4021</v>
      </c>
      <c r="Q15" s="758">
        <v>1998</v>
      </c>
      <c r="R15" s="757">
        <v>2023</v>
      </c>
      <c r="S15" s="755">
        <v>26556</v>
      </c>
      <c r="T15" s="758">
        <v>13958</v>
      </c>
      <c r="U15" s="758">
        <v>12598</v>
      </c>
      <c r="V15" s="759">
        <v>22535</v>
      </c>
      <c r="W15" s="758">
        <v>11960</v>
      </c>
      <c r="X15" s="757">
        <v>10575</v>
      </c>
    </row>
    <row r="16" spans="1:24" ht="16.5" customHeight="1">
      <c r="A16" s="211"/>
      <c r="B16" s="755">
        <v>104923</v>
      </c>
      <c r="C16" s="756" t="s">
        <v>479</v>
      </c>
      <c r="D16" s="757">
        <v>633</v>
      </c>
      <c r="E16" s="758">
        <v>292</v>
      </c>
      <c r="F16" s="757">
        <v>341</v>
      </c>
      <c r="G16" s="755">
        <v>-41</v>
      </c>
      <c r="H16" s="758">
        <v>-32</v>
      </c>
      <c r="I16" s="757">
        <v>-9</v>
      </c>
      <c r="J16" s="761" t="s">
        <v>44</v>
      </c>
      <c r="K16" s="762" t="s">
        <v>44</v>
      </c>
      <c r="L16" s="762" t="s">
        <v>44</v>
      </c>
      <c r="M16" s="770">
        <v>41</v>
      </c>
      <c r="N16" s="758">
        <v>32</v>
      </c>
      <c r="O16" s="770">
        <v>9</v>
      </c>
      <c r="P16" s="757">
        <v>674</v>
      </c>
      <c r="Q16" s="758">
        <v>324</v>
      </c>
      <c r="R16" s="757">
        <v>350</v>
      </c>
      <c r="S16" s="758">
        <v>17596</v>
      </c>
      <c r="T16" s="758">
        <v>9351</v>
      </c>
      <c r="U16" s="758">
        <v>8245</v>
      </c>
      <c r="V16" s="758">
        <v>16922</v>
      </c>
      <c r="W16" s="758">
        <v>9027</v>
      </c>
      <c r="X16" s="757">
        <v>7895</v>
      </c>
    </row>
    <row r="17" spans="1:24" ht="16.5" customHeight="1">
      <c r="A17" s="729" t="s">
        <v>565</v>
      </c>
      <c r="B17" s="755">
        <v>110379</v>
      </c>
      <c r="C17" s="756" t="s">
        <v>622</v>
      </c>
      <c r="D17" s="757">
        <v>-295</v>
      </c>
      <c r="E17" s="758">
        <v>-139</v>
      </c>
      <c r="F17" s="757">
        <v>-156</v>
      </c>
      <c r="G17" s="755">
        <v>-45</v>
      </c>
      <c r="H17" s="758">
        <v>-27</v>
      </c>
      <c r="I17" s="757">
        <v>-18</v>
      </c>
      <c r="J17" s="761" t="s">
        <v>44</v>
      </c>
      <c r="K17" s="762" t="s">
        <v>44</v>
      </c>
      <c r="L17" s="762" t="s">
        <v>44</v>
      </c>
      <c r="M17" s="770">
        <v>45</v>
      </c>
      <c r="N17" s="758">
        <v>27</v>
      </c>
      <c r="O17" s="770">
        <v>18</v>
      </c>
      <c r="P17" s="757">
        <v>-250</v>
      </c>
      <c r="Q17" s="758">
        <v>-112</v>
      </c>
      <c r="R17" s="757">
        <v>-138</v>
      </c>
      <c r="S17" s="758">
        <v>10252</v>
      </c>
      <c r="T17" s="758">
        <v>5828</v>
      </c>
      <c r="U17" s="758">
        <v>4424</v>
      </c>
      <c r="V17" s="758">
        <v>10502</v>
      </c>
      <c r="W17" s="758">
        <v>5940</v>
      </c>
      <c r="X17" s="757">
        <v>4562</v>
      </c>
    </row>
    <row r="18" spans="1:24" ht="16.5" customHeight="1">
      <c r="A18" s="731"/>
      <c r="B18" s="755">
        <v>118859</v>
      </c>
      <c r="C18" s="756" t="s">
        <v>567</v>
      </c>
      <c r="D18" s="757">
        <v>-312</v>
      </c>
      <c r="E18" s="758">
        <v>-199</v>
      </c>
      <c r="F18" s="757">
        <v>-113</v>
      </c>
      <c r="G18" s="755">
        <v>-104</v>
      </c>
      <c r="H18" s="758">
        <v>-69</v>
      </c>
      <c r="I18" s="757">
        <v>-35</v>
      </c>
      <c r="J18" s="761" t="s">
        <v>44</v>
      </c>
      <c r="K18" s="762" t="s">
        <v>44</v>
      </c>
      <c r="L18" s="762" t="s">
        <v>44</v>
      </c>
      <c r="M18" s="770">
        <v>104</v>
      </c>
      <c r="N18" s="758">
        <v>69</v>
      </c>
      <c r="O18" s="770">
        <v>35</v>
      </c>
      <c r="P18" s="757">
        <v>-208</v>
      </c>
      <c r="Q18" s="758">
        <v>-130</v>
      </c>
      <c r="R18" s="757">
        <v>-78</v>
      </c>
      <c r="S18" s="755">
        <v>6209</v>
      </c>
      <c r="T18" s="758">
        <v>3635</v>
      </c>
      <c r="U18" s="758">
        <v>2574</v>
      </c>
      <c r="V18" s="758">
        <v>6417</v>
      </c>
      <c r="W18" s="758">
        <v>3765</v>
      </c>
      <c r="X18" s="757">
        <v>2652</v>
      </c>
    </row>
    <row r="19" spans="1:24" ht="16.5" customHeight="1">
      <c r="A19" s="731"/>
      <c r="B19" s="766">
        <v>130196</v>
      </c>
      <c r="C19" s="763" t="s">
        <v>634</v>
      </c>
      <c r="D19" s="764">
        <v>-263</v>
      </c>
      <c r="E19" s="765">
        <v>-215</v>
      </c>
      <c r="F19" s="764">
        <v>-48</v>
      </c>
      <c r="G19" s="766">
        <v>-152</v>
      </c>
      <c r="H19" s="765">
        <v>-101</v>
      </c>
      <c r="I19" s="764">
        <v>-51</v>
      </c>
      <c r="J19" s="767" t="s">
        <v>44</v>
      </c>
      <c r="K19" s="768" t="s">
        <v>44</v>
      </c>
      <c r="L19" s="768" t="s">
        <v>44</v>
      </c>
      <c r="M19" s="771">
        <v>152</v>
      </c>
      <c r="N19" s="765">
        <v>101</v>
      </c>
      <c r="O19" s="771">
        <v>51</v>
      </c>
      <c r="P19" s="764">
        <v>-111</v>
      </c>
      <c r="Q19" s="765">
        <v>-114</v>
      </c>
      <c r="R19" s="764">
        <v>3</v>
      </c>
      <c r="S19" s="765">
        <v>4706</v>
      </c>
      <c r="T19" s="765">
        <v>2715</v>
      </c>
      <c r="U19" s="765">
        <v>1991</v>
      </c>
      <c r="V19" s="755">
        <v>4817</v>
      </c>
      <c r="W19" s="765">
        <v>2829</v>
      </c>
      <c r="X19" s="764">
        <v>1988</v>
      </c>
    </row>
    <row r="20" spans="1:24" ht="16.5" customHeight="1">
      <c r="A20" s="731"/>
      <c r="B20" s="755">
        <v>114576</v>
      </c>
      <c r="C20" s="756" t="s">
        <v>608</v>
      </c>
      <c r="D20" s="757">
        <v>-365</v>
      </c>
      <c r="E20" s="758">
        <v>-310</v>
      </c>
      <c r="F20" s="757">
        <v>-55</v>
      </c>
      <c r="G20" s="755">
        <v>-246</v>
      </c>
      <c r="H20" s="758">
        <v>-165</v>
      </c>
      <c r="I20" s="757">
        <v>-81</v>
      </c>
      <c r="J20" s="761" t="s">
        <v>44</v>
      </c>
      <c r="K20" s="762" t="s">
        <v>44</v>
      </c>
      <c r="L20" s="762" t="s">
        <v>44</v>
      </c>
      <c r="M20" s="770">
        <v>246</v>
      </c>
      <c r="N20" s="758">
        <v>165</v>
      </c>
      <c r="O20" s="770">
        <v>81</v>
      </c>
      <c r="P20" s="757">
        <v>-119</v>
      </c>
      <c r="Q20" s="758">
        <v>-145</v>
      </c>
      <c r="R20" s="757">
        <v>26</v>
      </c>
      <c r="S20" s="758">
        <v>3426</v>
      </c>
      <c r="T20" s="758">
        <v>1954</v>
      </c>
      <c r="U20" s="758">
        <v>1472</v>
      </c>
      <c r="V20" s="759">
        <v>3545</v>
      </c>
      <c r="W20" s="758">
        <v>2099</v>
      </c>
      <c r="X20" s="757">
        <v>1446</v>
      </c>
    </row>
    <row r="21" spans="1:24" ht="16.5" customHeight="1">
      <c r="A21" s="731"/>
      <c r="B21" s="755">
        <v>90814</v>
      </c>
      <c r="C21" s="756" t="s">
        <v>570</v>
      </c>
      <c r="D21" s="757">
        <v>-533</v>
      </c>
      <c r="E21" s="758">
        <v>-339</v>
      </c>
      <c r="F21" s="757">
        <v>-194</v>
      </c>
      <c r="G21" s="755">
        <v>-303</v>
      </c>
      <c r="H21" s="758">
        <v>-208</v>
      </c>
      <c r="I21" s="757">
        <v>-95</v>
      </c>
      <c r="J21" s="761" t="s">
        <v>44</v>
      </c>
      <c r="K21" s="762" t="s">
        <v>44</v>
      </c>
      <c r="L21" s="762" t="s">
        <v>44</v>
      </c>
      <c r="M21" s="770">
        <v>303</v>
      </c>
      <c r="N21" s="758">
        <v>208</v>
      </c>
      <c r="O21" s="770">
        <v>95</v>
      </c>
      <c r="P21" s="757">
        <v>-230</v>
      </c>
      <c r="Q21" s="758">
        <v>-131</v>
      </c>
      <c r="R21" s="757">
        <v>-99</v>
      </c>
      <c r="S21" s="755">
        <v>2369</v>
      </c>
      <c r="T21" s="758">
        <v>1377</v>
      </c>
      <c r="U21" s="758">
        <v>992</v>
      </c>
      <c r="V21" s="758">
        <v>2599</v>
      </c>
      <c r="W21" s="758">
        <v>1508</v>
      </c>
      <c r="X21" s="757">
        <v>1091</v>
      </c>
    </row>
    <row r="22" spans="1:24" ht="16.5" customHeight="1">
      <c r="A22" s="729" t="s">
        <v>571</v>
      </c>
      <c r="B22" s="755">
        <v>71696</v>
      </c>
      <c r="C22" s="756" t="s">
        <v>609</v>
      </c>
      <c r="D22" s="757">
        <v>-709</v>
      </c>
      <c r="E22" s="758">
        <v>-490</v>
      </c>
      <c r="F22" s="757">
        <v>-219</v>
      </c>
      <c r="G22" s="755">
        <v>-391</v>
      </c>
      <c r="H22" s="758">
        <v>-283</v>
      </c>
      <c r="I22" s="757">
        <v>-108</v>
      </c>
      <c r="J22" s="761" t="s">
        <v>44</v>
      </c>
      <c r="K22" s="762" t="s">
        <v>44</v>
      </c>
      <c r="L22" s="762" t="s">
        <v>44</v>
      </c>
      <c r="M22" s="770">
        <v>391</v>
      </c>
      <c r="N22" s="758">
        <v>283</v>
      </c>
      <c r="O22" s="770">
        <v>108</v>
      </c>
      <c r="P22" s="757">
        <v>-318</v>
      </c>
      <c r="Q22" s="758">
        <v>-207</v>
      </c>
      <c r="R22" s="757">
        <v>-111</v>
      </c>
      <c r="S22" s="758">
        <v>1618</v>
      </c>
      <c r="T22" s="758">
        <v>937</v>
      </c>
      <c r="U22" s="758">
        <v>681</v>
      </c>
      <c r="V22" s="758">
        <v>1936</v>
      </c>
      <c r="W22" s="758">
        <v>1144</v>
      </c>
      <c r="X22" s="757">
        <v>792</v>
      </c>
    </row>
    <row r="23" spans="1:24" ht="16.5" customHeight="1">
      <c r="A23" s="211"/>
      <c r="B23" s="755">
        <v>73497</v>
      </c>
      <c r="C23" s="756" t="s">
        <v>610</v>
      </c>
      <c r="D23" s="757">
        <v>-856</v>
      </c>
      <c r="E23" s="758">
        <v>-596</v>
      </c>
      <c r="F23" s="757">
        <v>-260</v>
      </c>
      <c r="G23" s="755">
        <v>-662</v>
      </c>
      <c r="H23" s="758">
        <v>-479</v>
      </c>
      <c r="I23" s="757">
        <v>-183</v>
      </c>
      <c r="J23" s="761" t="s">
        <v>44</v>
      </c>
      <c r="K23" s="762" t="s">
        <v>44</v>
      </c>
      <c r="L23" s="762" t="s">
        <v>44</v>
      </c>
      <c r="M23" s="770">
        <v>662</v>
      </c>
      <c r="N23" s="758">
        <v>479</v>
      </c>
      <c r="O23" s="770">
        <v>183</v>
      </c>
      <c r="P23" s="757">
        <v>-194</v>
      </c>
      <c r="Q23" s="758">
        <v>-117</v>
      </c>
      <c r="R23" s="757">
        <v>-77</v>
      </c>
      <c r="S23" s="758">
        <v>1271</v>
      </c>
      <c r="T23" s="758">
        <v>739</v>
      </c>
      <c r="U23" s="758">
        <v>532</v>
      </c>
      <c r="V23" s="755">
        <v>1465</v>
      </c>
      <c r="W23" s="758">
        <v>856</v>
      </c>
      <c r="X23" s="757">
        <v>609</v>
      </c>
    </row>
    <row r="24" spans="1:24" ht="16.5" customHeight="1">
      <c r="A24" s="211"/>
      <c r="B24" s="766">
        <v>75139</v>
      </c>
      <c r="C24" s="763" t="s">
        <v>611</v>
      </c>
      <c r="D24" s="764">
        <v>-1105</v>
      </c>
      <c r="E24" s="765">
        <v>-810</v>
      </c>
      <c r="F24" s="764">
        <v>-295</v>
      </c>
      <c r="G24" s="766">
        <v>-1103</v>
      </c>
      <c r="H24" s="765">
        <v>-785</v>
      </c>
      <c r="I24" s="764">
        <v>-318</v>
      </c>
      <c r="J24" s="767" t="s">
        <v>44</v>
      </c>
      <c r="K24" s="768" t="s">
        <v>44</v>
      </c>
      <c r="L24" s="768" t="s">
        <v>44</v>
      </c>
      <c r="M24" s="771">
        <v>1103</v>
      </c>
      <c r="N24" s="765">
        <v>785</v>
      </c>
      <c r="O24" s="771">
        <v>318</v>
      </c>
      <c r="P24" s="764">
        <v>-2</v>
      </c>
      <c r="Q24" s="765">
        <v>-25</v>
      </c>
      <c r="R24" s="764">
        <v>23</v>
      </c>
      <c r="S24" s="758">
        <v>1110</v>
      </c>
      <c r="T24" s="765">
        <v>591</v>
      </c>
      <c r="U24" s="765">
        <v>519</v>
      </c>
      <c r="V24" s="758">
        <v>1112</v>
      </c>
      <c r="W24" s="765">
        <v>616</v>
      </c>
      <c r="X24" s="764">
        <v>496</v>
      </c>
    </row>
    <row r="25" spans="1:24" ht="16.5" customHeight="1">
      <c r="A25" s="211"/>
      <c r="B25" s="755">
        <v>62081</v>
      </c>
      <c r="C25" s="756" t="s">
        <v>624</v>
      </c>
      <c r="D25" s="757">
        <v>-1393</v>
      </c>
      <c r="E25" s="758">
        <v>-930</v>
      </c>
      <c r="F25" s="757">
        <v>-463</v>
      </c>
      <c r="G25" s="755">
        <v>-1441</v>
      </c>
      <c r="H25" s="758">
        <v>-951</v>
      </c>
      <c r="I25" s="757">
        <v>-490</v>
      </c>
      <c r="J25" s="761" t="s">
        <v>44</v>
      </c>
      <c r="K25" s="762" t="s">
        <v>44</v>
      </c>
      <c r="L25" s="762" t="s">
        <v>44</v>
      </c>
      <c r="M25" s="770">
        <v>1441</v>
      </c>
      <c r="N25" s="758">
        <v>951</v>
      </c>
      <c r="O25" s="770">
        <v>490</v>
      </c>
      <c r="P25" s="757">
        <v>48</v>
      </c>
      <c r="Q25" s="758">
        <v>21</v>
      </c>
      <c r="R25" s="757">
        <v>27</v>
      </c>
      <c r="S25" s="759">
        <v>871</v>
      </c>
      <c r="T25" s="758">
        <v>402</v>
      </c>
      <c r="U25" s="758">
        <v>469</v>
      </c>
      <c r="V25" s="759">
        <v>823</v>
      </c>
      <c r="W25" s="758">
        <v>381</v>
      </c>
      <c r="X25" s="757">
        <v>442</v>
      </c>
    </row>
    <row r="26" spans="1:24" ht="16.5" customHeight="1">
      <c r="A26" s="211"/>
      <c r="B26" s="755">
        <v>44478</v>
      </c>
      <c r="C26" s="756" t="s">
        <v>613</v>
      </c>
      <c r="D26" s="757">
        <v>-1796</v>
      </c>
      <c r="E26" s="758">
        <v>-1101</v>
      </c>
      <c r="F26" s="757">
        <v>-695</v>
      </c>
      <c r="G26" s="755">
        <v>-1867</v>
      </c>
      <c r="H26" s="758">
        <v>-1111</v>
      </c>
      <c r="I26" s="757">
        <v>-756</v>
      </c>
      <c r="J26" s="761" t="s">
        <v>44</v>
      </c>
      <c r="K26" s="762" t="s">
        <v>44</v>
      </c>
      <c r="L26" s="762" t="s">
        <v>44</v>
      </c>
      <c r="M26" s="770">
        <v>1867</v>
      </c>
      <c r="N26" s="758">
        <v>1111</v>
      </c>
      <c r="O26" s="770">
        <v>756</v>
      </c>
      <c r="P26" s="757">
        <v>71</v>
      </c>
      <c r="Q26" s="758">
        <v>10</v>
      </c>
      <c r="R26" s="757">
        <v>61</v>
      </c>
      <c r="S26" s="758">
        <v>753</v>
      </c>
      <c r="T26" s="758">
        <v>282</v>
      </c>
      <c r="U26" s="758">
        <v>471</v>
      </c>
      <c r="V26" s="758">
        <v>682</v>
      </c>
      <c r="W26" s="758">
        <v>272</v>
      </c>
      <c r="X26" s="757">
        <v>410</v>
      </c>
    </row>
    <row r="27" spans="1:24" ht="16.5" customHeight="1">
      <c r="A27" s="211"/>
      <c r="B27" s="755">
        <v>28804</v>
      </c>
      <c r="C27" s="756" t="s">
        <v>635</v>
      </c>
      <c r="D27" s="757">
        <v>-1984</v>
      </c>
      <c r="E27" s="758">
        <v>-969</v>
      </c>
      <c r="F27" s="757">
        <v>-1015</v>
      </c>
      <c r="G27" s="755">
        <v>-2108</v>
      </c>
      <c r="H27" s="758">
        <v>-995</v>
      </c>
      <c r="I27" s="757">
        <v>-1113</v>
      </c>
      <c r="J27" s="761" t="s">
        <v>44</v>
      </c>
      <c r="K27" s="762" t="s">
        <v>44</v>
      </c>
      <c r="L27" s="762" t="s">
        <v>44</v>
      </c>
      <c r="M27" s="770">
        <v>2108</v>
      </c>
      <c r="N27" s="758">
        <v>995</v>
      </c>
      <c r="O27" s="770">
        <v>1113</v>
      </c>
      <c r="P27" s="757">
        <v>124</v>
      </c>
      <c r="Q27" s="758">
        <v>26</v>
      </c>
      <c r="R27" s="757">
        <v>98</v>
      </c>
      <c r="S27" s="758">
        <v>644</v>
      </c>
      <c r="T27" s="758">
        <v>183</v>
      </c>
      <c r="U27" s="758">
        <v>461</v>
      </c>
      <c r="V27" s="758">
        <v>520</v>
      </c>
      <c r="W27" s="758">
        <v>157</v>
      </c>
      <c r="X27" s="757">
        <v>363</v>
      </c>
    </row>
    <row r="28" spans="1:24" ht="16.5" customHeight="1">
      <c r="A28" s="211"/>
      <c r="B28" s="755">
        <v>13272</v>
      </c>
      <c r="C28" s="756" t="s">
        <v>636</v>
      </c>
      <c r="D28" s="757">
        <v>-1743</v>
      </c>
      <c r="E28" s="758">
        <v>-683</v>
      </c>
      <c r="F28" s="757">
        <v>-1060</v>
      </c>
      <c r="G28" s="755">
        <v>-1878</v>
      </c>
      <c r="H28" s="758">
        <v>-708</v>
      </c>
      <c r="I28" s="757">
        <v>-1170</v>
      </c>
      <c r="J28" s="761" t="s">
        <v>44</v>
      </c>
      <c r="K28" s="762" t="s">
        <v>44</v>
      </c>
      <c r="L28" s="762" t="s">
        <v>44</v>
      </c>
      <c r="M28" s="770">
        <v>1878</v>
      </c>
      <c r="N28" s="758">
        <v>708</v>
      </c>
      <c r="O28" s="770">
        <v>1170</v>
      </c>
      <c r="P28" s="757">
        <v>135</v>
      </c>
      <c r="Q28" s="758">
        <v>25</v>
      </c>
      <c r="R28" s="757">
        <v>110</v>
      </c>
      <c r="S28" s="758">
        <v>385</v>
      </c>
      <c r="T28" s="758">
        <v>98</v>
      </c>
      <c r="U28" s="758">
        <v>287</v>
      </c>
      <c r="V28" s="755">
        <v>250</v>
      </c>
      <c r="W28" s="758">
        <v>73</v>
      </c>
      <c r="X28" s="757">
        <v>177</v>
      </c>
    </row>
    <row r="29" spans="1:24" ht="16.5" customHeight="1">
      <c r="A29" s="211"/>
      <c r="B29" s="766">
        <v>3586</v>
      </c>
      <c r="C29" s="763" t="s">
        <v>637</v>
      </c>
      <c r="D29" s="764">
        <v>-933</v>
      </c>
      <c r="E29" s="765">
        <v>-246</v>
      </c>
      <c r="F29" s="764">
        <v>-687</v>
      </c>
      <c r="G29" s="766">
        <v>-962</v>
      </c>
      <c r="H29" s="765">
        <v>-254</v>
      </c>
      <c r="I29" s="764">
        <v>-708</v>
      </c>
      <c r="J29" s="767" t="s">
        <v>44</v>
      </c>
      <c r="K29" s="768" t="s">
        <v>44</v>
      </c>
      <c r="L29" s="768" t="s">
        <v>44</v>
      </c>
      <c r="M29" s="770">
        <v>962</v>
      </c>
      <c r="N29" s="765">
        <v>254</v>
      </c>
      <c r="O29" s="771">
        <v>708</v>
      </c>
      <c r="P29" s="764">
        <v>29</v>
      </c>
      <c r="Q29" s="765">
        <v>8</v>
      </c>
      <c r="R29" s="764">
        <v>21</v>
      </c>
      <c r="S29" s="758">
        <v>108</v>
      </c>
      <c r="T29" s="765">
        <v>24</v>
      </c>
      <c r="U29" s="765">
        <v>84</v>
      </c>
      <c r="V29" s="765">
        <v>79</v>
      </c>
      <c r="W29" s="765">
        <v>16</v>
      </c>
      <c r="X29" s="764">
        <v>63</v>
      </c>
    </row>
    <row r="30" spans="1:24" ht="16.5" customHeight="1">
      <c r="A30" s="211"/>
      <c r="B30" s="778">
        <v>651</v>
      </c>
      <c r="C30" s="763" t="s">
        <v>616</v>
      </c>
      <c r="D30" s="771">
        <v>-275</v>
      </c>
      <c r="E30" s="765">
        <v>-40</v>
      </c>
      <c r="F30" s="766">
        <v>-235</v>
      </c>
      <c r="G30" s="766">
        <v>-278</v>
      </c>
      <c r="H30" s="765">
        <v>-42</v>
      </c>
      <c r="I30" s="764">
        <v>-236</v>
      </c>
      <c r="J30" s="767" t="s">
        <v>44</v>
      </c>
      <c r="K30" s="768" t="s">
        <v>44</v>
      </c>
      <c r="L30" s="776" t="s">
        <v>44</v>
      </c>
      <c r="M30" s="777">
        <v>278</v>
      </c>
      <c r="N30" s="765">
        <v>42</v>
      </c>
      <c r="O30" s="771">
        <v>236</v>
      </c>
      <c r="P30" s="764">
        <v>3</v>
      </c>
      <c r="Q30" s="765">
        <v>2</v>
      </c>
      <c r="R30" s="766">
        <v>1</v>
      </c>
      <c r="S30" s="773">
        <v>12</v>
      </c>
      <c r="T30" s="765">
        <v>2</v>
      </c>
      <c r="U30" s="765">
        <v>10</v>
      </c>
      <c r="V30" s="765">
        <v>9</v>
      </c>
      <c r="W30" s="765">
        <v>0</v>
      </c>
      <c r="X30" s="764">
        <v>9</v>
      </c>
    </row>
    <row r="31" spans="1:24" ht="16.5" customHeight="1">
      <c r="A31" s="211"/>
      <c r="B31" s="834">
        <v>38620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2" t="s">
        <v>44</v>
      </c>
      <c r="M31" s="781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186841</v>
      </c>
      <c r="C32" s="756" t="s">
        <v>497</v>
      </c>
      <c r="D32" s="757">
        <v>11996</v>
      </c>
      <c r="E32" s="758">
        <v>6185</v>
      </c>
      <c r="F32" s="757">
        <v>5811</v>
      </c>
      <c r="G32" s="755">
        <v>13390</v>
      </c>
      <c r="H32" s="758">
        <v>6896</v>
      </c>
      <c r="I32" s="757">
        <v>6494</v>
      </c>
      <c r="J32" s="755">
        <v>13421</v>
      </c>
      <c r="K32" s="758">
        <v>6914</v>
      </c>
      <c r="L32" s="758">
        <v>6507</v>
      </c>
      <c r="M32" s="757">
        <v>31</v>
      </c>
      <c r="N32" s="758">
        <v>18</v>
      </c>
      <c r="O32" s="770">
        <v>13</v>
      </c>
      <c r="P32" s="757">
        <v>-1394</v>
      </c>
      <c r="Q32" s="758">
        <v>-711</v>
      </c>
      <c r="R32" s="757">
        <v>-683</v>
      </c>
      <c r="S32" s="755">
        <v>8341</v>
      </c>
      <c r="T32" s="758">
        <v>4297</v>
      </c>
      <c r="U32" s="770">
        <v>4044</v>
      </c>
      <c r="V32" s="757">
        <v>9735</v>
      </c>
      <c r="W32" s="758">
        <v>5008</v>
      </c>
      <c r="X32" s="757">
        <v>4727</v>
      </c>
    </row>
    <row r="33" spans="1:24" ht="16.5" customHeight="1">
      <c r="A33" s="211"/>
      <c r="B33" s="755">
        <v>1004677</v>
      </c>
      <c r="C33" s="756" t="s">
        <v>582</v>
      </c>
      <c r="D33" s="757">
        <v>11979</v>
      </c>
      <c r="E33" s="758">
        <v>5413</v>
      </c>
      <c r="F33" s="757">
        <v>6566</v>
      </c>
      <c r="G33" s="755">
        <v>-1347</v>
      </c>
      <c r="H33" s="758">
        <v>-930</v>
      </c>
      <c r="I33" s="757">
        <v>-417</v>
      </c>
      <c r="J33" s="761" t="s">
        <v>44</v>
      </c>
      <c r="K33" s="762" t="s">
        <v>44</v>
      </c>
      <c r="L33" s="762" t="s">
        <v>44</v>
      </c>
      <c r="M33" s="757">
        <v>1347</v>
      </c>
      <c r="N33" s="758">
        <v>930</v>
      </c>
      <c r="O33" s="770">
        <v>417</v>
      </c>
      <c r="P33" s="757">
        <v>13326</v>
      </c>
      <c r="Q33" s="758">
        <v>6343</v>
      </c>
      <c r="R33" s="757">
        <v>6983</v>
      </c>
      <c r="S33" s="755">
        <v>97593</v>
      </c>
      <c r="T33" s="758">
        <v>52358</v>
      </c>
      <c r="U33" s="770">
        <v>45235</v>
      </c>
      <c r="V33" s="757">
        <v>84267</v>
      </c>
      <c r="W33" s="758">
        <v>46015</v>
      </c>
      <c r="X33" s="757">
        <v>38252</v>
      </c>
    </row>
    <row r="34" spans="1:24" ht="16.5" customHeight="1" thickBot="1">
      <c r="A34" s="211"/>
      <c r="B34" s="755">
        <v>301508</v>
      </c>
      <c r="C34" s="756" t="s">
        <v>617</v>
      </c>
      <c r="D34" s="757">
        <v>-10085</v>
      </c>
      <c r="E34" s="758">
        <v>-5375</v>
      </c>
      <c r="F34" s="757">
        <v>-4710</v>
      </c>
      <c r="G34" s="755">
        <v>-10299</v>
      </c>
      <c r="H34" s="758">
        <v>-5325</v>
      </c>
      <c r="I34" s="757">
        <v>-4974</v>
      </c>
      <c r="J34" s="761" t="s">
        <v>44</v>
      </c>
      <c r="K34" s="762" t="s">
        <v>44</v>
      </c>
      <c r="L34" s="762" t="s">
        <v>44</v>
      </c>
      <c r="M34" s="757">
        <v>10299</v>
      </c>
      <c r="N34" s="758">
        <v>5325</v>
      </c>
      <c r="O34" s="770">
        <v>4974</v>
      </c>
      <c r="P34" s="757">
        <v>214</v>
      </c>
      <c r="Q34" s="758">
        <v>-50</v>
      </c>
      <c r="R34" s="757">
        <v>264</v>
      </c>
      <c r="S34" s="755">
        <v>5154</v>
      </c>
      <c r="T34" s="758">
        <v>2321</v>
      </c>
      <c r="U34" s="770">
        <v>2833</v>
      </c>
      <c r="V34" s="757">
        <v>4940</v>
      </c>
      <c r="W34" s="758">
        <v>2371</v>
      </c>
      <c r="X34" s="757">
        <v>2569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364</v>
      </c>
      <c r="F36" s="792" t="s">
        <v>364</v>
      </c>
      <c r="G36" s="794" t="s">
        <v>364</v>
      </c>
      <c r="H36" s="793" t="s">
        <v>364</v>
      </c>
      <c r="I36" s="792" t="s">
        <v>36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364</v>
      </c>
      <c r="Q36" s="793" t="s">
        <v>364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4.5</v>
      </c>
      <c r="C38" s="756" t="s">
        <v>559</v>
      </c>
      <c r="D38" s="803" t="s">
        <v>364</v>
      </c>
      <c r="E38" s="804" t="s">
        <v>364</v>
      </c>
      <c r="F38" s="803" t="s">
        <v>364</v>
      </c>
      <c r="G38" s="805" t="s">
        <v>364</v>
      </c>
      <c r="H38" s="804" t="s">
        <v>364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.2</v>
      </c>
      <c r="N38" s="809">
        <v>0.2</v>
      </c>
      <c r="O38" s="810">
        <v>0.2</v>
      </c>
      <c r="P38" s="805" t="s">
        <v>364</v>
      </c>
      <c r="Q38" s="804" t="s">
        <v>364</v>
      </c>
      <c r="R38" s="803" t="s">
        <v>364</v>
      </c>
      <c r="S38" s="811">
        <v>4.4000000000000004</v>
      </c>
      <c r="T38" s="809">
        <v>4.2</v>
      </c>
      <c r="U38" s="810">
        <v>4.5999999999999996</v>
      </c>
      <c r="V38" s="808">
        <v>5.9</v>
      </c>
      <c r="W38" s="809">
        <v>5.7</v>
      </c>
      <c r="X38" s="808">
        <v>6</v>
      </c>
    </row>
    <row r="39" spans="1:24" ht="16.5" customHeight="1">
      <c r="A39" s="211"/>
      <c r="B39" s="802">
        <v>4.0999999999999996</v>
      </c>
      <c r="C39" s="756" t="s">
        <v>638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2</v>
      </c>
      <c r="T39" s="809">
        <v>2</v>
      </c>
      <c r="U39" s="810">
        <v>2</v>
      </c>
      <c r="V39" s="808">
        <v>2.7</v>
      </c>
      <c r="W39" s="809">
        <v>2.5</v>
      </c>
      <c r="X39" s="808">
        <v>2.9</v>
      </c>
    </row>
    <row r="40" spans="1:24" ht="16.5" customHeight="1">
      <c r="A40" s="211"/>
      <c r="B40" s="802">
        <v>4</v>
      </c>
      <c r="C40" s="756" t="s">
        <v>621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</v>
      </c>
      <c r="P40" s="805" t="s">
        <v>44</v>
      </c>
      <c r="Q40" s="804" t="s">
        <v>44</v>
      </c>
      <c r="R40" s="803" t="s">
        <v>44</v>
      </c>
      <c r="S40" s="811">
        <v>1.1000000000000001</v>
      </c>
      <c r="T40" s="809">
        <v>1.1000000000000001</v>
      </c>
      <c r="U40" s="810">
        <v>1.2</v>
      </c>
      <c r="V40" s="808">
        <v>1.3</v>
      </c>
      <c r="W40" s="809">
        <v>1.2</v>
      </c>
      <c r="X40" s="808">
        <v>1.4</v>
      </c>
    </row>
    <row r="41" spans="1:24" ht="16.5" customHeight="1">
      <c r="A41" s="211"/>
      <c r="B41" s="802">
        <v>4.0999999999999996</v>
      </c>
      <c r="C41" s="756" t="s">
        <v>476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2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3.4</v>
      </c>
      <c r="T41" s="809">
        <v>3.5</v>
      </c>
      <c r="U41" s="810">
        <v>3.3</v>
      </c>
      <c r="V41" s="808">
        <v>2</v>
      </c>
      <c r="W41" s="809">
        <v>2.1</v>
      </c>
      <c r="X41" s="808">
        <v>2</v>
      </c>
    </row>
    <row r="42" spans="1:24" ht="16.5" customHeight="1">
      <c r="A42" s="211"/>
      <c r="B42" s="800">
        <v>6.2</v>
      </c>
      <c r="C42" s="763" t="s">
        <v>605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2</v>
      </c>
      <c r="N42" s="816">
        <v>0.2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9</v>
      </c>
      <c r="T42" s="816">
        <v>17.899999999999999</v>
      </c>
      <c r="U42" s="817">
        <v>20.2</v>
      </c>
      <c r="V42" s="815">
        <v>13.1</v>
      </c>
      <c r="W42" s="816">
        <v>12.4</v>
      </c>
      <c r="X42" s="815">
        <v>13.9</v>
      </c>
    </row>
    <row r="43" spans="1:24" ht="16.5" customHeight="1">
      <c r="A43" s="211"/>
      <c r="B43" s="802">
        <v>7.3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3</v>
      </c>
      <c r="N43" s="809">
        <v>0.4</v>
      </c>
      <c r="O43" s="810">
        <v>0.2</v>
      </c>
      <c r="P43" s="805" t="s">
        <v>44</v>
      </c>
      <c r="Q43" s="804" t="s">
        <v>44</v>
      </c>
      <c r="R43" s="803" t="s">
        <v>44</v>
      </c>
      <c r="S43" s="811">
        <v>23.9</v>
      </c>
      <c r="T43" s="809">
        <v>23.7</v>
      </c>
      <c r="U43" s="810">
        <v>24.2</v>
      </c>
      <c r="V43" s="808">
        <v>22.8</v>
      </c>
      <c r="W43" s="809">
        <v>22.4</v>
      </c>
      <c r="X43" s="808">
        <v>23.2</v>
      </c>
    </row>
    <row r="44" spans="1:24" ht="16.5" customHeight="1">
      <c r="A44" s="729" t="s">
        <v>586</v>
      </c>
      <c r="B44" s="802">
        <v>7</v>
      </c>
      <c r="C44" s="756" t="s">
        <v>479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4</v>
      </c>
      <c r="N44" s="809">
        <v>0.5</v>
      </c>
      <c r="O44" s="810">
        <v>0.2</v>
      </c>
      <c r="P44" s="805" t="s">
        <v>44</v>
      </c>
      <c r="Q44" s="804" t="s">
        <v>44</v>
      </c>
      <c r="R44" s="803" t="s">
        <v>44</v>
      </c>
      <c r="S44" s="811">
        <v>15.8</v>
      </c>
      <c r="T44" s="809">
        <v>15.9</v>
      </c>
      <c r="U44" s="810">
        <v>15.8</v>
      </c>
      <c r="V44" s="808">
        <v>17.100000000000001</v>
      </c>
      <c r="W44" s="809">
        <v>16.899999999999999</v>
      </c>
      <c r="X44" s="808">
        <v>17.3</v>
      </c>
    </row>
    <row r="45" spans="1:24" ht="16.5" customHeight="1">
      <c r="A45" s="729"/>
      <c r="B45" s="802">
        <v>7.4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4</v>
      </c>
      <c r="N45" s="809">
        <v>0.4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9.1999999999999993</v>
      </c>
      <c r="T45" s="809">
        <v>9.9</v>
      </c>
      <c r="U45" s="810">
        <v>8.5</v>
      </c>
      <c r="V45" s="808">
        <v>10.6</v>
      </c>
      <c r="W45" s="809">
        <v>11.1</v>
      </c>
      <c r="X45" s="808">
        <v>10</v>
      </c>
    </row>
    <row r="46" spans="1:24" ht="16.5" customHeight="1">
      <c r="A46" s="731"/>
      <c r="B46" s="802">
        <v>8</v>
      </c>
      <c r="C46" s="756" t="s">
        <v>567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9</v>
      </c>
      <c r="N46" s="809">
        <v>1.1000000000000001</v>
      </c>
      <c r="O46" s="810">
        <v>0.6</v>
      </c>
      <c r="P46" s="805" t="s">
        <v>44</v>
      </c>
      <c r="Q46" s="804" t="s">
        <v>44</v>
      </c>
      <c r="R46" s="803" t="s">
        <v>44</v>
      </c>
      <c r="S46" s="811">
        <v>5.6</v>
      </c>
      <c r="T46" s="809">
        <v>6.2</v>
      </c>
      <c r="U46" s="810">
        <v>4.9000000000000004</v>
      </c>
      <c r="V46" s="808">
        <v>6.5</v>
      </c>
      <c r="W46" s="809">
        <v>7.1</v>
      </c>
      <c r="X46" s="808">
        <v>5.8</v>
      </c>
    </row>
    <row r="47" spans="1:24" ht="16.5" customHeight="1">
      <c r="A47" s="731"/>
      <c r="B47" s="802">
        <v>8.6999999999999993</v>
      </c>
      <c r="C47" s="763" t="s">
        <v>607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3</v>
      </c>
      <c r="N47" s="816">
        <v>1.6</v>
      </c>
      <c r="O47" s="817">
        <v>0.9</v>
      </c>
      <c r="P47" s="812" t="s">
        <v>44</v>
      </c>
      <c r="Q47" s="813" t="s">
        <v>44</v>
      </c>
      <c r="R47" s="814" t="s">
        <v>44</v>
      </c>
      <c r="S47" s="818">
        <v>4.2</v>
      </c>
      <c r="T47" s="816">
        <v>4.5999999999999996</v>
      </c>
      <c r="U47" s="817">
        <v>3.8</v>
      </c>
      <c r="V47" s="815">
        <v>4.9000000000000004</v>
      </c>
      <c r="W47" s="816">
        <v>5.3</v>
      </c>
      <c r="X47" s="815">
        <v>4.4000000000000004</v>
      </c>
    </row>
    <row r="48" spans="1:24" ht="16.5" customHeight="1">
      <c r="A48" s="729" t="s">
        <v>520</v>
      </c>
      <c r="B48" s="835">
        <v>7.7</v>
      </c>
      <c r="C48" s="756" t="s">
        <v>608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2.1</v>
      </c>
      <c r="N48" s="809">
        <v>2.6</v>
      </c>
      <c r="O48" s="810">
        <v>1.5</v>
      </c>
      <c r="P48" s="805" t="s">
        <v>44</v>
      </c>
      <c r="Q48" s="804" t="s">
        <v>44</v>
      </c>
      <c r="R48" s="803" t="s">
        <v>44</v>
      </c>
      <c r="S48" s="811">
        <v>3.1</v>
      </c>
      <c r="T48" s="809">
        <v>3.3</v>
      </c>
      <c r="U48" s="810">
        <v>2.8</v>
      </c>
      <c r="V48" s="808">
        <v>3.6</v>
      </c>
      <c r="W48" s="809">
        <v>3.9</v>
      </c>
      <c r="X48" s="808">
        <v>3.2</v>
      </c>
    </row>
    <row r="49" spans="1:24" ht="16.5" customHeight="1">
      <c r="A49" s="731"/>
      <c r="B49" s="802">
        <v>6.1</v>
      </c>
      <c r="C49" s="756" t="s">
        <v>57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.6</v>
      </c>
      <c r="N49" s="809">
        <v>3.3</v>
      </c>
      <c r="O49" s="810">
        <v>1.8</v>
      </c>
      <c r="P49" s="805" t="s">
        <v>44</v>
      </c>
      <c r="Q49" s="804" t="s">
        <v>44</v>
      </c>
      <c r="R49" s="803" t="s">
        <v>44</v>
      </c>
      <c r="S49" s="811">
        <v>2.1</v>
      </c>
      <c r="T49" s="809">
        <v>2.2999999999999998</v>
      </c>
      <c r="U49" s="810">
        <v>1.9</v>
      </c>
      <c r="V49" s="808">
        <v>2.6</v>
      </c>
      <c r="W49" s="809">
        <v>2.8</v>
      </c>
      <c r="X49" s="808">
        <v>2.4</v>
      </c>
    </row>
    <row r="50" spans="1:24" ht="16.5" customHeight="1">
      <c r="A50" s="729"/>
      <c r="B50" s="802">
        <v>4.8</v>
      </c>
      <c r="C50" s="756" t="s">
        <v>609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3.3</v>
      </c>
      <c r="N50" s="809">
        <v>4.5</v>
      </c>
      <c r="O50" s="810">
        <v>2</v>
      </c>
      <c r="P50" s="805" t="s">
        <v>44</v>
      </c>
      <c r="Q50" s="804" t="s">
        <v>44</v>
      </c>
      <c r="R50" s="803" t="s">
        <v>44</v>
      </c>
      <c r="S50" s="811">
        <v>1.5</v>
      </c>
      <c r="T50" s="809">
        <v>1.6</v>
      </c>
      <c r="U50" s="810">
        <v>1.3</v>
      </c>
      <c r="V50" s="808">
        <v>2</v>
      </c>
      <c r="W50" s="809">
        <v>2.1</v>
      </c>
      <c r="X50" s="808">
        <v>1.7</v>
      </c>
    </row>
    <row r="51" spans="1:24" ht="16.5" customHeight="1">
      <c r="A51" s="731"/>
      <c r="B51" s="802">
        <v>4.9000000000000004</v>
      </c>
      <c r="C51" s="756" t="s">
        <v>610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5.7</v>
      </c>
      <c r="N51" s="809">
        <v>7.6</v>
      </c>
      <c r="O51" s="810">
        <v>3.4</v>
      </c>
      <c r="P51" s="805" t="s">
        <v>44</v>
      </c>
      <c r="Q51" s="804" t="s">
        <v>44</v>
      </c>
      <c r="R51" s="803" t="s">
        <v>44</v>
      </c>
      <c r="S51" s="811">
        <v>1.1000000000000001</v>
      </c>
      <c r="T51" s="809">
        <v>1.3</v>
      </c>
      <c r="U51" s="810">
        <v>1</v>
      </c>
      <c r="V51" s="808">
        <v>1.5</v>
      </c>
      <c r="W51" s="809">
        <v>1.6</v>
      </c>
      <c r="X51" s="808">
        <v>1.3</v>
      </c>
    </row>
    <row r="52" spans="1:24" ht="16.5" customHeight="1">
      <c r="A52" s="729" t="s">
        <v>589</v>
      </c>
      <c r="B52" s="800">
        <v>5</v>
      </c>
      <c r="C52" s="763" t="s">
        <v>611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9.4</v>
      </c>
      <c r="N52" s="816">
        <v>12.5</v>
      </c>
      <c r="O52" s="817">
        <v>5.9</v>
      </c>
      <c r="P52" s="812" t="s">
        <v>44</v>
      </c>
      <c r="Q52" s="813" t="s">
        <v>44</v>
      </c>
      <c r="R52" s="814" t="s">
        <v>44</v>
      </c>
      <c r="S52" s="818">
        <v>1</v>
      </c>
      <c r="T52" s="816">
        <v>1</v>
      </c>
      <c r="U52" s="817">
        <v>1</v>
      </c>
      <c r="V52" s="815">
        <v>1.1000000000000001</v>
      </c>
      <c r="W52" s="816">
        <v>1.2</v>
      </c>
      <c r="X52" s="815">
        <v>1.1000000000000001</v>
      </c>
    </row>
    <row r="53" spans="1:24" ht="16.5" customHeight="1">
      <c r="A53" s="211"/>
      <c r="B53" s="802">
        <v>4.2</v>
      </c>
      <c r="C53" s="756" t="s">
        <v>624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2.3</v>
      </c>
      <c r="N53" s="809">
        <v>15.2</v>
      </c>
      <c r="O53" s="810">
        <v>9.1</v>
      </c>
      <c r="P53" s="805" t="s">
        <v>44</v>
      </c>
      <c r="Q53" s="804" t="s">
        <v>44</v>
      </c>
      <c r="R53" s="803" t="s">
        <v>44</v>
      </c>
      <c r="S53" s="811">
        <v>0.8</v>
      </c>
      <c r="T53" s="809">
        <v>0.7</v>
      </c>
      <c r="U53" s="810">
        <v>0.9</v>
      </c>
      <c r="V53" s="808">
        <v>0.8</v>
      </c>
      <c r="W53" s="809">
        <v>0.7</v>
      </c>
      <c r="X53" s="808">
        <v>1</v>
      </c>
    </row>
    <row r="54" spans="1:24" ht="16.5" customHeight="1">
      <c r="A54" s="211"/>
      <c r="B54" s="802">
        <v>3</v>
      </c>
      <c r="C54" s="756" t="s">
        <v>613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</v>
      </c>
      <c r="N54" s="809">
        <v>17.7</v>
      </c>
      <c r="O54" s="810">
        <v>14</v>
      </c>
      <c r="P54" s="805" t="s">
        <v>44</v>
      </c>
      <c r="Q54" s="804" t="s">
        <v>44</v>
      </c>
      <c r="R54" s="803" t="s">
        <v>44</v>
      </c>
      <c r="S54" s="811">
        <v>0.7</v>
      </c>
      <c r="T54" s="809">
        <v>0.5</v>
      </c>
      <c r="U54" s="810">
        <v>0.9</v>
      </c>
      <c r="V54" s="808">
        <v>0.7</v>
      </c>
      <c r="W54" s="809">
        <v>0.5</v>
      </c>
      <c r="X54" s="808">
        <v>0.9</v>
      </c>
    </row>
    <row r="55" spans="1:24" ht="16.5" customHeight="1">
      <c r="A55" s="211"/>
      <c r="B55" s="802">
        <v>1.9</v>
      </c>
      <c r="C55" s="756" t="s">
        <v>614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18.100000000000001</v>
      </c>
      <c r="N55" s="809">
        <v>15.9</v>
      </c>
      <c r="O55" s="810">
        <v>20.6</v>
      </c>
      <c r="P55" s="805" t="s">
        <v>44</v>
      </c>
      <c r="Q55" s="804" t="s">
        <v>44</v>
      </c>
      <c r="R55" s="803" t="s">
        <v>44</v>
      </c>
      <c r="S55" s="811">
        <v>0.6</v>
      </c>
      <c r="T55" s="809">
        <v>0.3</v>
      </c>
      <c r="U55" s="810">
        <v>0.9</v>
      </c>
      <c r="V55" s="808">
        <v>0.5</v>
      </c>
      <c r="W55" s="809">
        <v>0.3</v>
      </c>
      <c r="X55" s="808">
        <v>0.8</v>
      </c>
    </row>
    <row r="56" spans="1:24" ht="16.5" customHeight="1">
      <c r="A56" s="211"/>
      <c r="B56" s="802">
        <v>0.9</v>
      </c>
      <c r="C56" s="756" t="s">
        <v>636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6.100000000000001</v>
      </c>
      <c r="N56" s="809">
        <v>11.3</v>
      </c>
      <c r="O56" s="810">
        <v>21.7</v>
      </c>
      <c r="P56" s="805" t="s">
        <v>44</v>
      </c>
      <c r="Q56" s="804" t="s">
        <v>44</v>
      </c>
      <c r="R56" s="803" t="s">
        <v>44</v>
      </c>
      <c r="S56" s="811">
        <v>0.3</v>
      </c>
      <c r="T56" s="809">
        <v>0.2</v>
      </c>
      <c r="U56" s="810">
        <v>0.6</v>
      </c>
      <c r="V56" s="808">
        <v>0.3</v>
      </c>
      <c r="W56" s="809">
        <v>0.1</v>
      </c>
      <c r="X56" s="808">
        <v>0.4</v>
      </c>
    </row>
    <row r="57" spans="1:24" ht="16.5" customHeight="1">
      <c r="A57" s="211"/>
      <c r="B57" s="800">
        <v>0.2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8.1999999999999993</v>
      </c>
      <c r="N57" s="816">
        <v>4</v>
      </c>
      <c r="O57" s="817">
        <v>13.1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</v>
      </c>
      <c r="U57" s="817">
        <v>0.2</v>
      </c>
      <c r="V57" s="815">
        <v>0.1</v>
      </c>
      <c r="W57" s="816">
        <v>0</v>
      </c>
      <c r="X57" s="815">
        <v>0.1</v>
      </c>
    </row>
    <row r="58" spans="1:24" ht="16.5" customHeight="1">
      <c r="A58" s="211"/>
      <c r="B58" s="802">
        <v>0</v>
      </c>
      <c r="C58" s="763" t="s">
        <v>616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2.4</v>
      </c>
      <c r="N58" s="816">
        <v>0.7</v>
      </c>
      <c r="O58" s="816">
        <v>4.4000000000000004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36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2.5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3</v>
      </c>
      <c r="N60" s="809">
        <v>0.3</v>
      </c>
      <c r="O60" s="810">
        <v>0.2</v>
      </c>
      <c r="P60" s="805" t="s">
        <v>44</v>
      </c>
      <c r="Q60" s="804" t="s">
        <v>44</v>
      </c>
      <c r="R60" s="803" t="s">
        <v>44</v>
      </c>
      <c r="S60" s="811">
        <v>7.5</v>
      </c>
      <c r="T60" s="809">
        <v>7.3</v>
      </c>
      <c r="U60" s="810">
        <v>7.8</v>
      </c>
      <c r="V60" s="808">
        <v>9.8000000000000007</v>
      </c>
      <c r="W60" s="809">
        <v>9.4</v>
      </c>
      <c r="X60" s="808">
        <v>10.4</v>
      </c>
    </row>
    <row r="61" spans="1:24" ht="16.5" customHeight="1">
      <c r="A61" s="211"/>
      <c r="B61" s="802">
        <v>67.3</v>
      </c>
      <c r="C61" s="756" t="s">
        <v>582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11.5</v>
      </c>
      <c r="N61" s="809">
        <v>14.8</v>
      </c>
      <c r="O61" s="810">
        <v>7.7</v>
      </c>
      <c r="P61" s="805" t="s">
        <v>44</v>
      </c>
      <c r="Q61" s="804" t="s">
        <v>44</v>
      </c>
      <c r="R61" s="803" t="s">
        <v>44</v>
      </c>
      <c r="S61" s="811">
        <v>87.9</v>
      </c>
      <c r="T61" s="809">
        <v>88.8</v>
      </c>
      <c r="U61" s="810">
        <v>86.8</v>
      </c>
      <c r="V61" s="808">
        <v>85.2</v>
      </c>
      <c r="W61" s="809">
        <v>86.2</v>
      </c>
      <c r="X61" s="808">
        <v>84</v>
      </c>
    </row>
    <row r="62" spans="1:24" ht="16.5" customHeight="1" thickBot="1">
      <c r="A62" s="824"/>
      <c r="B62" s="825">
        <v>20.2</v>
      </c>
      <c r="C62" s="826" t="s">
        <v>617</v>
      </c>
      <c r="D62" s="828" t="s">
        <v>44</v>
      </c>
      <c r="E62" s="827" t="s">
        <v>44</v>
      </c>
      <c r="F62" s="837" t="s">
        <v>44</v>
      </c>
      <c r="G62" s="828" t="s">
        <v>44</v>
      </c>
      <c r="H62" s="827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31">
        <v>88.2</v>
      </c>
      <c r="N62" s="830">
        <v>84.9</v>
      </c>
      <c r="O62" s="831">
        <v>92</v>
      </c>
      <c r="P62" s="828" t="s">
        <v>44</v>
      </c>
      <c r="Q62" s="827" t="s">
        <v>44</v>
      </c>
      <c r="R62" s="827" t="s">
        <v>44</v>
      </c>
      <c r="S62" s="832">
        <v>4.5999999999999996</v>
      </c>
      <c r="T62" s="830">
        <v>3.9</v>
      </c>
      <c r="U62" s="831">
        <v>5.4</v>
      </c>
      <c r="V62" s="829">
        <v>5</v>
      </c>
      <c r="W62" s="830">
        <v>4.4000000000000004</v>
      </c>
      <c r="X62" s="829">
        <v>5.6</v>
      </c>
    </row>
    <row r="63" spans="1:24" ht="15" thickTop="1">
      <c r="A63" s="296" t="s">
        <v>627</v>
      </c>
      <c r="B63" s="296" t="s">
        <v>537</v>
      </c>
      <c r="C63" s="296"/>
      <c r="D63" s="296"/>
      <c r="E63" s="296"/>
      <c r="F63" s="296"/>
      <c r="G63" s="296"/>
      <c r="H63" s="296"/>
      <c r="I63" s="296"/>
    </row>
    <row r="64" spans="1:24" ht="14.25">
      <c r="B64" s="296" t="s">
        <v>538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7">
    <mergeCell ref="B65:I65"/>
    <mergeCell ref="P4:R4"/>
    <mergeCell ref="S4:U4"/>
    <mergeCell ref="A4:B4"/>
    <mergeCell ref="C4:C5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-28-</oddFooter>
    <evenFooter>&amp;C&amp;"ＭＳ ゴシック,太字"-29-</even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zoomScale="90" zoomScaleNormal="9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639</v>
      </c>
      <c r="B1" s="295"/>
      <c r="C1" s="353"/>
      <c r="D1" s="353"/>
      <c r="E1" s="353"/>
      <c r="F1" s="353"/>
      <c r="Q1" s="353" t="s">
        <v>640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728" t="s">
        <v>594</v>
      </c>
      <c r="B3" s="729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641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642</v>
      </c>
      <c r="H5" s="1324"/>
      <c r="I5" s="1325"/>
      <c r="J5" s="1323" t="s">
        <v>630</v>
      </c>
      <c r="K5" s="1324"/>
      <c r="L5" s="1325"/>
      <c r="M5" s="1324" t="s">
        <v>551</v>
      </c>
      <c r="N5" s="1324"/>
      <c r="O5" s="1325"/>
      <c r="P5" s="1323" t="s">
        <v>643</v>
      </c>
      <c r="Q5" s="1324"/>
      <c r="R5" s="1325"/>
      <c r="S5" s="1323" t="s">
        <v>601</v>
      </c>
      <c r="T5" s="1324"/>
      <c r="U5" s="1325"/>
      <c r="V5" s="1323" t="s">
        <v>60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1096" t="s">
        <v>555</v>
      </c>
      <c r="K6" s="739" t="s">
        <v>556</v>
      </c>
      <c r="L6" s="739" t="s">
        <v>557</v>
      </c>
      <c r="M6" s="737" t="s">
        <v>555</v>
      </c>
      <c r="N6" s="739" t="s">
        <v>644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696219</v>
      </c>
      <c r="C8" s="746" t="s">
        <v>214</v>
      </c>
      <c r="D8" s="747">
        <v>-4891</v>
      </c>
      <c r="E8" s="748">
        <v>-2511</v>
      </c>
      <c r="F8" s="747">
        <v>-2380</v>
      </c>
      <c r="G8" s="745">
        <v>-4839</v>
      </c>
      <c r="H8" s="748">
        <v>-2498</v>
      </c>
      <c r="I8" s="747">
        <v>-2341</v>
      </c>
      <c r="J8" s="745">
        <v>3829</v>
      </c>
      <c r="K8" s="748">
        <v>1972</v>
      </c>
      <c r="L8" s="748">
        <v>1857</v>
      </c>
      <c r="M8" s="747">
        <v>8668</v>
      </c>
      <c r="N8" s="748">
        <v>4470</v>
      </c>
      <c r="O8" s="749">
        <v>4198</v>
      </c>
      <c r="P8" s="747">
        <v>-52</v>
      </c>
      <c r="Q8" s="748">
        <v>-13</v>
      </c>
      <c r="R8" s="747">
        <v>-39</v>
      </c>
      <c r="S8" s="745">
        <v>27976</v>
      </c>
      <c r="T8" s="748">
        <v>15930</v>
      </c>
      <c r="U8" s="749">
        <v>12046</v>
      </c>
      <c r="V8" s="747">
        <v>28028</v>
      </c>
      <c r="W8" s="748">
        <v>15943</v>
      </c>
      <c r="X8" s="747">
        <v>12085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22040</v>
      </c>
      <c r="C10" s="756" t="s">
        <v>645</v>
      </c>
      <c r="D10" s="757">
        <v>4204</v>
      </c>
      <c r="E10" s="758">
        <v>2192</v>
      </c>
      <c r="F10" s="757">
        <v>2012</v>
      </c>
      <c r="G10" s="755">
        <v>3820</v>
      </c>
      <c r="H10" s="758">
        <v>1967</v>
      </c>
      <c r="I10" s="757">
        <v>1853</v>
      </c>
      <c r="J10" s="755">
        <v>3829</v>
      </c>
      <c r="K10" s="758">
        <v>1972</v>
      </c>
      <c r="L10" s="758">
        <v>1857</v>
      </c>
      <c r="M10" s="769">
        <v>9</v>
      </c>
      <c r="N10" s="758">
        <v>5</v>
      </c>
      <c r="O10" s="770">
        <v>4</v>
      </c>
      <c r="P10" s="757">
        <v>384</v>
      </c>
      <c r="Q10" s="758">
        <v>225</v>
      </c>
      <c r="R10" s="757">
        <v>159</v>
      </c>
      <c r="S10" s="755">
        <v>1679</v>
      </c>
      <c r="T10" s="758">
        <v>871</v>
      </c>
      <c r="U10" s="758">
        <v>808</v>
      </c>
      <c r="V10" s="755">
        <v>1295</v>
      </c>
      <c r="W10" s="755">
        <v>646</v>
      </c>
      <c r="X10" s="755">
        <v>649</v>
      </c>
    </row>
    <row r="11" spans="1:24" ht="16.5" customHeight="1">
      <c r="A11" s="211"/>
      <c r="B11" s="755">
        <v>25549</v>
      </c>
      <c r="C11" s="756" t="s">
        <v>474</v>
      </c>
      <c r="D11" s="757">
        <v>193</v>
      </c>
      <c r="E11" s="758">
        <v>108</v>
      </c>
      <c r="F11" s="757">
        <v>85</v>
      </c>
      <c r="G11" s="755">
        <v>-1</v>
      </c>
      <c r="H11" s="758">
        <v>0</v>
      </c>
      <c r="I11" s="757">
        <v>-1</v>
      </c>
      <c r="J11" s="761" t="s">
        <v>44</v>
      </c>
      <c r="K11" s="762" t="s">
        <v>44</v>
      </c>
      <c r="L11" s="762" t="s">
        <v>44</v>
      </c>
      <c r="M11" s="770">
        <v>1</v>
      </c>
      <c r="N11" s="758">
        <v>0</v>
      </c>
      <c r="O11" s="770">
        <v>1</v>
      </c>
      <c r="P11" s="757">
        <v>194</v>
      </c>
      <c r="Q11" s="758">
        <v>108</v>
      </c>
      <c r="R11" s="757">
        <v>86</v>
      </c>
      <c r="S11" s="758">
        <v>911</v>
      </c>
      <c r="T11" s="758">
        <v>467</v>
      </c>
      <c r="U11" s="758">
        <v>444</v>
      </c>
      <c r="V11" s="758">
        <v>717</v>
      </c>
      <c r="W11" s="755">
        <v>359</v>
      </c>
      <c r="X11" s="755">
        <v>358</v>
      </c>
    </row>
    <row r="12" spans="1:24" ht="16.5" customHeight="1">
      <c r="A12" s="211"/>
      <c r="B12" s="755">
        <v>28142</v>
      </c>
      <c r="C12" s="756" t="s">
        <v>646</v>
      </c>
      <c r="D12" s="757">
        <v>44</v>
      </c>
      <c r="E12" s="758">
        <v>33</v>
      </c>
      <c r="F12" s="757">
        <v>11</v>
      </c>
      <c r="G12" s="755">
        <v>-3</v>
      </c>
      <c r="H12" s="758">
        <v>-1</v>
      </c>
      <c r="I12" s="757">
        <v>-2</v>
      </c>
      <c r="J12" s="761" t="s">
        <v>44</v>
      </c>
      <c r="K12" s="762" t="s">
        <v>44</v>
      </c>
      <c r="L12" s="762" t="s">
        <v>44</v>
      </c>
      <c r="M12" s="770">
        <v>3</v>
      </c>
      <c r="N12" s="758">
        <v>1</v>
      </c>
      <c r="O12" s="770">
        <v>2</v>
      </c>
      <c r="P12" s="757">
        <v>47</v>
      </c>
      <c r="Q12" s="758">
        <v>34</v>
      </c>
      <c r="R12" s="757">
        <v>13</v>
      </c>
      <c r="S12" s="758">
        <v>466</v>
      </c>
      <c r="T12" s="758">
        <v>237</v>
      </c>
      <c r="U12" s="758">
        <v>229</v>
      </c>
      <c r="V12" s="758">
        <v>419</v>
      </c>
      <c r="W12" s="755">
        <v>203</v>
      </c>
      <c r="X12" s="755">
        <v>216</v>
      </c>
    </row>
    <row r="13" spans="1:24" ht="16.5" customHeight="1">
      <c r="A13" s="211"/>
      <c r="B13" s="755">
        <v>33681</v>
      </c>
      <c r="C13" s="756" t="s">
        <v>647</v>
      </c>
      <c r="D13" s="757">
        <v>716</v>
      </c>
      <c r="E13" s="758">
        <v>659</v>
      </c>
      <c r="F13" s="757">
        <v>57</v>
      </c>
      <c r="G13" s="755">
        <v>-6</v>
      </c>
      <c r="H13" s="758">
        <v>-3</v>
      </c>
      <c r="I13" s="757">
        <v>-3</v>
      </c>
      <c r="J13" s="761" t="s">
        <v>44</v>
      </c>
      <c r="K13" s="762" t="s">
        <v>44</v>
      </c>
      <c r="L13" s="762" t="s">
        <v>44</v>
      </c>
      <c r="M13" s="770">
        <v>6</v>
      </c>
      <c r="N13" s="758">
        <v>3</v>
      </c>
      <c r="O13" s="770">
        <v>3</v>
      </c>
      <c r="P13" s="757">
        <v>722</v>
      </c>
      <c r="Q13" s="758">
        <v>662</v>
      </c>
      <c r="R13" s="757">
        <v>60</v>
      </c>
      <c r="S13" s="758">
        <v>3027</v>
      </c>
      <c r="T13" s="758">
        <v>2384</v>
      </c>
      <c r="U13" s="758">
        <v>643</v>
      </c>
      <c r="V13" s="758">
        <v>2305</v>
      </c>
      <c r="W13" s="755">
        <v>1722</v>
      </c>
      <c r="X13" s="755">
        <v>583</v>
      </c>
    </row>
    <row r="14" spans="1:24" ht="16.5" customHeight="1">
      <c r="A14" s="211"/>
      <c r="B14" s="766">
        <v>31815</v>
      </c>
      <c r="C14" s="763" t="s">
        <v>605</v>
      </c>
      <c r="D14" s="764">
        <v>-1319</v>
      </c>
      <c r="E14" s="765">
        <v>-878</v>
      </c>
      <c r="F14" s="764">
        <v>-441</v>
      </c>
      <c r="G14" s="766">
        <v>-9</v>
      </c>
      <c r="H14" s="765">
        <v>-6</v>
      </c>
      <c r="I14" s="764">
        <v>-3</v>
      </c>
      <c r="J14" s="767" t="s">
        <v>44</v>
      </c>
      <c r="K14" s="768" t="s">
        <v>44</v>
      </c>
      <c r="L14" s="768" t="s">
        <v>44</v>
      </c>
      <c r="M14" s="770">
        <v>9</v>
      </c>
      <c r="N14" s="765">
        <v>6</v>
      </c>
      <c r="O14" s="771">
        <v>3</v>
      </c>
      <c r="P14" s="764">
        <v>-1310</v>
      </c>
      <c r="Q14" s="765">
        <v>-872</v>
      </c>
      <c r="R14" s="764">
        <v>-438</v>
      </c>
      <c r="S14" s="765">
        <v>4097</v>
      </c>
      <c r="T14" s="765">
        <v>2490</v>
      </c>
      <c r="U14" s="765">
        <v>1607</v>
      </c>
      <c r="V14" s="758">
        <v>5407</v>
      </c>
      <c r="W14" s="766">
        <v>3362</v>
      </c>
      <c r="X14" s="766">
        <v>2045</v>
      </c>
    </row>
    <row r="15" spans="1:24" ht="16.5" customHeight="1">
      <c r="A15" s="211"/>
      <c r="B15" s="755">
        <v>27041</v>
      </c>
      <c r="C15" s="756" t="s">
        <v>648</v>
      </c>
      <c r="D15" s="757">
        <v>-662</v>
      </c>
      <c r="E15" s="758">
        <v>-364</v>
      </c>
      <c r="F15" s="757">
        <v>-298</v>
      </c>
      <c r="G15" s="755">
        <v>-14</v>
      </c>
      <c r="H15" s="758">
        <v>-10</v>
      </c>
      <c r="I15" s="757">
        <v>-4</v>
      </c>
      <c r="J15" s="761" t="s">
        <v>44</v>
      </c>
      <c r="K15" s="762" t="s">
        <v>44</v>
      </c>
      <c r="L15" s="762" t="s">
        <v>44</v>
      </c>
      <c r="M15" s="769">
        <v>14</v>
      </c>
      <c r="N15" s="758">
        <v>10</v>
      </c>
      <c r="O15" s="770">
        <v>4</v>
      </c>
      <c r="P15" s="757">
        <v>-648</v>
      </c>
      <c r="Q15" s="758">
        <v>-354</v>
      </c>
      <c r="R15" s="757">
        <v>-294</v>
      </c>
      <c r="S15" s="755">
        <v>3860</v>
      </c>
      <c r="T15" s="758">
        <v>2153</v>
      </c>
      <c r="U15" s="758">
        <v>1707</v>
      </c>
      <c r="V15" s="759">
        <v>4508</v>
      </c>
      <c r="W15" s="755">
        <v>2507</v>
      </c>
      <c r="X15" s="755">
        <v>2001</v>
      </c>
    </row>
    <row r="16" spans="1:24" ht="16.5" customHeight="1">
      <c r="A16" s="211"/>
      <c r="B16" s="755">
        <v>29374</v>
      </c>
      <c r="C16" s="756" t="s">
        <v>479</v>
      </c>
      <c r="D16" s="757">
        <v>-16</v>
      </c>
      <c r="E16" s="758">
        <v>0</v>
      </c>
      <c r="F16" s="757">
        <v>-16</v>
      </c>
      <c r="G16" s="755">
        <v>-20</v>
      </c>
      <c r="H16" s="758">
        <v>-13</v>
      </c>
      <c r="I16" s="757">
        <v>-7</v>
      </c>
      <c r="J16" s="761" t="s">
        <v>44</v>
      </c>
      <c r="K16" s="762" t="s">
        <v>44</v>
      </c>
      <c r="L16" s="762" t="s">
        <v>44</v>
      </c>
      <c r="M16" s="770">
        <v>20</v>
      </c>
      <c r="N16" s="758">
        <v>13</v>
      </c>
      <c r="O16" s="770">
        <v>7</v>
      </c>
      <c r="P16" s="757">
        <v>4</v>
      </c>
      <c r="Q16" s="758">
        <v>13</v>
      </c>
      <c r="R16" s="757">
        <v>-9</v>
      </c>
      <c r="S16" s="758">
        <v>3228</v>
      </c>
      <c r="T16" s="758">
        <v>1772</v>
      </c>
      <c r="U16" s="758">
        <v>1456</v>
      </c>
      <c r="V16" s="758">
        <v>3224</v>
      </c>
      <c r="W16" s="755">
        <v>1759</v>
      </c>
      <c r="X16" s="755">
        <v>1465</v>
      </c>
    </row>
    <row r="17" spans="1:24" ht="16.5" customHeight="1">
      <c r="A17" s="729" t="s">
        <v>565</v>
      </c>
      <c r="B17" s="755">
        <v>35030</v>
      </c>
      <c r="C17" s="756" t="s">
        <v>622</v>
      </c>
      <c r="D17" s="757">
        <v>322</v>
      </c>
      <c r="E17" s="758">
        <v>103</v>
      </c>
      <c r="F17" s="757">
        <v>219</v>
      </c>
      <c r="G17" s="755">
        <v>-24</v>
      </c>
      <c r="H17" s="758">
        <v>-13</v>
      </c>
      <c r="I17" s="757">
        <v>-11</v>
      </c>
      <c r="J17" s="761" t="s">
        <v>44</v>
      </c>
      <c r="K17" s="762" t="s">
        <v>44</v>
      </c>
      <c r="L17" s="762" t="s">
        <v>44</v>
      </c>
      <c r="M17" s="770">
        <v>24</v>
      </c>
      <c r="N17" s="758">
        <v>13</v>
      </c>
      <c r="O17" s="770">
        <v>11</v>
      </c>
      <c r="P17" s="757">
        <v>346</v>
      </c>
      <c r="Q17" s="758">
        <v>116</v>
      </c>
      <c r="R17" s="757">
        <v>230</v>
      </c>
      <c r="S17" s="758">
        <v>2554</v>
      </c>
      <c r="T17" s="758">
        <v>1319</v>
      </c>
      <c r="U17" s="758">
        <v>1235</v>
      </c>
      <c r="V17" s="758">
        <v>2208</v>
      </c>
      <c r="W17" s="755">
        <v>1203</v>
      </c>
      <c r="X17" s="755">
        <v>1005</v>
      </c>
    </row>
    <row r="18" spans="1:24" ht="16.5" customHeight="1">
      <c r="A18" s="731"/>
      <c r="B18" s="755">
        <v>45307</v>
      </c>
      <c r="C18" s="756" t="s">
        <v>649</v>
      </c>
      <c r="D18" s="757">
        <v>-28</v>
      </c>
      <c r="E18" s="758">
        <v>-62</v>
      </c>
      <c r="F18" s="757">
        <v>34</v>
      </c>
      <c r="G18" s="755">
        <v>-50</v>
      </c>
      <c r="H18" s="758">
        <v>-31</v>
      </c>
      <c r="I18" s="757">
        <v>-19</v>
      </c>
      <c r="J18" s="761" t="s">
        <v>44</v>
      </c>
      <c r="K18" s="762" t="s">
        <v>44</v>
      </c>
      <c r="L18" s="762" t="s">
        <v>44</v>
      </c>
      <c r="M18" s="770">
        <v>50</v>
      </c>
      <c r="N18" s="758">
        <v>31</v>
      </c>
      <c r="O18" s="770">
        <v>19</v>
      </c>
      <c r="P18" s="757">
        <v>22</v>
      </c>
      <c r="Q18" s="758">
        <v>-31</v>
      </c>
      <c r="R18" s="757">
        <v>53</v>
      </c>
      <c r="S18" s="755">
        <v>1862</v>
      </c>
      <c r="T18" s="758">
        <v>1026</v>
      </c>
      <c r="U18" s="758">
        <v>836</v>
      </c>
      <c r="V18" s="758">
        <v>1840</v>
      </c>
      <c r="W18" s="755">
        <v>1057</v>
      </c>
      <c r="X18" s="755">
        <v>783</v>
      </c>
    </row>
    <row r="19" spans="1:24" ht="16.5" customHeight="1">
      <c r="A19" s="731"/>
      <c r="B19" s="766">
        <v>57242</v>
      </c>
      <c r="C19" s="763" t="s">
        <v>607</v>
      </c>
      <c r="D19" s="764">
        <v>59</v>
      </c>
      <c r="E19" s="765">
        <v>-12</v>
      </c>
      <c r="F19" s="764">
        <v>71</v>
      </c>
      <c r="G19" s="766">
        <v>-73</v>
      </c>
      <c r="H19" s="765">
        <v>-34</v>
      </c>
      <c r="I19" s="764">
        <v>-39</v>
      </c>
      <c r="J19" s="767" t="s">
        <v>44</v>
      </c>
      <c r="K19" s="768" t="s">
        <v>44</v>
      </c>
      <c r="L19" s="768" t="s">
        <v>44</v>
      </c>
      <c r="M19" s="771">
        <v>73</v>
      </c>
      <c r="N19" s="765">
        <v>34</v>
      </c>
      <c r="O19" s="771">
        <v>39</v>
      </c>
      <c r="P19" s="764">
        <v>132</v>
      </c>
      <c r="Q19" s="765">
        <v>22</v>
      </c>
      <c r="R19" s="764">
        <v>110</v>
      </c>
      <c r="S19" s="765">
        <v>1593</v>
      </c>
      <c r="T19" s="765">
        <v>862</v>
      </c>
      <c r="U19" s="765">
        <v>731</v>
      </c>
      <c r="V19" s="755">
        <v>1461</v>
      </c>
      <c r="W19" s="766">
        <v>840</v>
      </c>
      <c r="X19" s="766">
        <v>621</v>
      </c>
    </row>
    <row r="20" spans="1:24" ht="16.5" customHeight="1">
      <c r="A20" s="731"/>
      <c r="B20" s="755">
        <v>51666</v>
      </c>
      <c r="C20" s="756" t="s">
        <v>608</v>
      </c>
      <c r="D20" s="757">
        <v>-46</v>
      </c>
      <c r="E20" s="758">
        <v>-31</v>
      </c>
      <c r="F20" s="757">
        <v>-15</v>
      </c>
      <c r="G20" s="755">
        <v>-121</v>
      </c>
      <c r="H20" s="758">
        <v>-77</v>
      </c>
      <c r="I20" s="757">
        <v>-44</v>
      </c>
      <c r="J20" s="761" t="s">
        <v>44</v>
      </c>
      <c r="K20" s="762" t="s">
        <v>44</v>
      </c>
      <c r="L20" s="762" t="s">
        <v>44</v>
      </c>
      <c r="M20" s="770">
        <v>121</v>
      </c>
      <c r="N20" s="758">
        <v>77</v>
      </c>
      <c r="O20" s="770">
        <v>44</v>
      </c>
      <c r="P20" s="757">
        <v>75</v>
      </c>
      <c r="Q20" s="758">
        <v>46</v>
      </c>
      <c r="R20" s="757">
        <v>29</v>
      </c>
      <c r="S20" s="758">
        <v>1223</v>
      </c>
      <c r="T20" s="758">
        <v>709</v>
      </c>
      <c r="U20" s="758">
        <v>514</v>
      </c>
      <c r="V20" s="759">
        <v>1148</v>
      </c>
      <c r="W20" s="755">
        <v>663</v>
      </c>
      <c r="X20" s="755">
        <v>485</v>
      </c>
    </row>
    <row r="21" spans="1:24" ht="16.5" customHeight="1">
      <c r="A21" s="731"/>
      <c r="B21" s="755">
        <v>43977</v>
      </c>
      <c r="C21" s="756" t="s">
        <v>650</v>
      </c>
      <c r="D21" s="757">
        <v>-31</v>
      </c>
      <c r="E21" s="758">
        <v>-59</v>
      </c>
      <c r="F21" s="757">
        <v>28</v>
      </c>
      <c r="G21" s="755">
        <v>-173</v>
      </c>
      <c r="H21" s="758">
        <v>-118</v>
      </c>
      <c r="I21" s="757">
        <v>-55</v>
      </c>
      <c r="J21" s="761" t="s">
        <v>44</v>
      </c>
      <c r="K21" s="762" t="s">
        <v>44</v>
      </c>
      <c r="L21" s="762" t="s">
        <v>44</v>
      </c>
      <c r="M21" s="770">
        <v>173</v>
      </c>
      <c r="N21" s="758">
        <v>118</v>
      </c>
      <c r="O21" s="770">
        <v>55</v>
      </c>
      <c r="P21" s="757">
        <v>142</v>
      </c>
      <c r="Q21" s="758">
        <v>59</v>
      </c>
      <c r="R21" s="757">
        <v>83</v>
      </c>
      <c r="S21" s="755">
        <v>822</v>
      </c>
      <c r="T21" s="758">
        <v>453</v>
      </c>
      <c r="U21" s="758">
        <v>369</v>
      </c>
      <c r="V21" s="758">
        <v>680</v>
      </c>
      <c r="W21" s="755">
        <v>394</v>
      </c>
      <c r="X21" s="755">
        <v>286</v>
      </c>
    </row>
    <row r="22" spans="1:24" ht="16.5" customHeight="1">
      <c r="A22" s="729" t="s">
        <v>571</v>
      </c>
      <c r="B22" s="755">
        <v>39560</v>
      </c>
      <c r="C22" s="756" t="s">
        <v>609</v>
      </c>
      <c r="D22" s="757">
        <v>-115</v>
      </c>
      <c r="E22" s="758">
        <v>-85</v>
      </c>
      <c r="F22" s="757">
        <v>-30</v>
      </c>
      <c r="G22" s="755">
        <v>-223</v>
      </c>
      <c r="H22" s="758">
        <v>-148</v>
      </c>
      <c r="I22" s="757">
        <v>-75</v>
      </c>
      <c r="J22" s="761" t="s">
        <v>44</v>
      </c>
      <c r="K22" s="762" t="s">
        <v>44</v>
      </c>
      <c r="L22" s="762" t="s">
        <v>44</v>
      </c>
      <c r="M22" s="770">
        <v>223</v>
      </c>
      <c r="N22" s="758">
        <v>148</v>
      </c>
      <c r="O22" s="770">
        <v>75</v>
      </c>
      <c r="P22" s="757">
        <v>108</v>
      </c>
      <c r="Q22" s="758">
        <v>63</v>
      </c>
      <c r="R22" s="757">
        <v>45</v>
      </c>
      <c r="S22" s="758">
        <v>657</v>
      </c>
      <c r="T22" s="758">
        <v>373</v>
      </c>
      <c r="U22" s="758">
        <v>284</v>
      </c>
      <c r="V22" s="758">
        <v>549</v>
      </c>
      <c r="W22" s="755">
        <v>310</v>
      </c>
      <c r="X22" s="755">
        <v>239</v>
      </c>
    </row>
    <row r="23" spans="1:24" ht="16.5" customHeight="1">
      <c r="A23" s="211"/>
      <c r="B23" s="755">
        <v>46459</v>
      </c>
      <c r="C23" s="756" t="s">
        <v>651</v>
      </c>
      <c r="D23" s="757">
        <v>-400</v>
      </c>
      <c r="E23" s="758">
        <v>-252</v>
      </c>
      <c r="F23" s="757">
        <v>-148</v>
      </c>
      <c r="G23" s="755">
        <v>-390</v>
      </c>
      <c r="H23" s="758">
        <v>-240</v>
      </c>
      <c r="I23" s="757">
        <v>-150</v>
      </c>
      <c r="J23" s="761" t="s">
        <v>44</v>
      </c>
      <c r="K23" s="762" t="s">
        <v>44</v>
      </c>
      <c r="L23" s="762" t="s">
        <v>44</v>
      </c>
      <c r="M23" s="770">
        <v>390</v>
      </c>
      <c r="N23" s="758">
        <v>240</v>
      </c>
      <c r="O23" s="770">
        <v>150</v>
      </c>
      <c r="P23" s="757">
        <v>-10</v>
      </c>
      <c r="Q23" s="758">
        <v>-12</v>
      </c>
      <c r="R23" s="757">
        <v>2</v>
      </c>
      <c r="S23" s="758">
        <v>481</v>
      </c>
      <c r="T23" s="758">
        <v>248</v>
      </c>
      <c r="U23" s="758">
        <v>233</v>
      </c>
      <c r="V23" s="755">
        <v>491</v>
      </c>
      <c r="W23" s="755">
        <v>260</v>
      </c>
      <c r="X23" s="755">
        <v>231</v>
      </c>
    </row>
    <row r="24" spans="1:24" ht="16.5" customHeight="1">
      <c r="A24" s="211"/>
      <c r="B24" s="766">
        <v>54719</v>
      </c>
      <c r="C24" s="763" t="s">
        <v>611</v>
      </c>
      <c r="D24" s="764">
        <v>-756</v>
      </c>
      <c r="E24" s="765">
        <v>-443</v>
      </c>
      <c r="F24" s="764">
        <v>-313</v>
      </c>
      <c r="G24" s="766">
        <v>-698</v>
      </c>
      <c r="H24" s="765">
        <v>-449</v>
      </c>
      <c r="I24" s="764">
        <v>-249</v>
      </c>
      <c r="J24" s="767" t="s">
        <v>44</v>
      </c>
      <c r="K24" s="768" t="s">
        <v>44</v>
      </c>
      <c r="L24" s="768" t="s">
        <v>44</v>
      </c>
      <c r="M24" s="771">
        <v>698</v>
      </c>
      <c r="N24" s="765">
        <v>449</v>
      </c>
      <c r="O24" s="771">
        <v>249</v>
      </c>
      <c r="P24" s="764">
        <v>-58</v>
      </c>
      <c r="Q24" s="765">
        <v>6</v>
      </c>
      <c r="R24" s="764">
        <v>-64</v>
      </c>
      <c r="S24" s="758">
        <v>401</v>
      </c>
      <c r="T24" s="765">
        <v>205</v>
      </c>
      <c r="U24" s="765">
        <v>196</v>
      </c>
      <c r="V24" s="758">
        <v>459</v>
      </c>
      <c r="W24" s="766">
        <v>199</v>
      </c>
      <c r="X24" s="766">
        <v>260</v>
      </c>
    </row>
    <row r="25" spans="1:24" ht="16.5" customHeight="1">
      <c r="A25" s="211"/>
      <c r="B25" s="755">
        <v>48861</v>
      </c>
      <c r="C25" s="756" t="s">
        <v>624</v>
      </c>
      <c r="D25" s="757">
        <v>-1104</v>
      </c>
      <c r="E25" s="758">
        <v>-718</v>
      </c>
      <c r="F25" s="757">
        <v>-386</v>
      </c>
      <c r="G25" s="755">
        <v>-1010</v>
      </c>
      <c r="H25" s="758">
        <v>-672</v>
      </c>
      <c r="I25" s="757">
        <v>-338</v>
      </c>
      <c r="J25" s="761" t="s">
        <v>44</v>
      </c>
      <c r="K25" s="762" t="s">
        <v>44</v>
      </c>
      <c r="L25" s="762" t="s">
        <v>44</v>
      </c>
      <c r="M25" s="770">
        <v>1010</v>
      </c>
      <c r="N25" s="758">
        <v>672</v>
      </c>
      <c r="O25" s="770">
        <v>338</v>
      </c>
      <c r="P25" s="757">
        <v>-94</v>
      </c>
      <c r="Q25" s="758">
        <v>-46</v>
      </c>
      <c r="R25" s="757">
        <v>-48</v>
      </c>
      <c r="S25" s="759">
        <v>346</v>
      </c>
      <c r="T25" s="758">
        <v>134</v>
      </c>
      <c r="U25" s="758">
        <v>212</v>
      </c>
      <c r="V25" s="759">
        <v>440</v>
      </c>
      <c r="W25" s="755">
        <v>180</v>
      </c>
      <c r="X25" s="755">
        <v>260</v>
      </c>
    </row>
    <row r="26" spans="1:24" ht="16.5" customHeight="1">
      <c r="A26" s="211"/>
      <c r="B26" s="755">
        <v>35177</v>
      </c>
      <c r="C26" s="756" t="s">
        <v>652</v>
      </c>
      <c r="D26" s="757">
        <v>-1481</v>
      </c>
      <c r="E26" s="758">
        <v>-875</v>
      </c>
      <c r="F26" s="757">
        <v>-606</v>
      </c>
      <c r="G26" s="755">
        <v>-1434</v>
      </c>
      <c r="H26" s="758">
        <v>-854</v>
      </c>
      <c r="I26" s="757">
        <v>-580</v>
      </c>
      <c r="J26" s="761" t="s">
        <v>44</v>
      </c>
      <c r="K26" s="762" t="s">
        <v>44</v>
      </c>
      <c r="L26" s="762" t="s">
        <v>44</v>
      </c>
      <c r="M26" s="770">
        <v>1434</v>
      </c>
      <c r="N26" s="758">
        <v>854</v>
      </c>
      <c r="O26" s="770">
        <v>580</v>
      </c>
      <c r="P26" s="757">
        <v>-47</v>
      </c>
      <c r="Q26" s="758">
        <v>-21</v>
      </c>
      <c r="R26" s="757">
        <v>-26</v>
      </c>
      <c r="S26" s="758">
        <v>295</v>
      </c>
      <c r="T26" s="758">
        <v>98</v>
      </c>
      <c r="U26" s="758">
        <v>197</v>
      </c>
      <c r="V26" s="758">
        <v>342</v>
      </c>
      <c r="W26" s="755">
        <v>119</v>
      </c>
      <c r="X26" s="755">
        <v>223</v>
      </c>
    </row>
    <row r="27" spans="1:24" ht="16.5" customHeight="1">
      <c r="A27" s="211"/>
      <c r="B27" s="755">
        <v>23240</v>
      </c>
      <c r="C27" s="756" t="s">
        <v>653</v>
      </c>
      <c r="D27" s="757">
        <v>-1858</v>
      </c>
      <c r="E27" s="758">
        <v>-949</v>
      </c>
      <c r="F27" s="757">
        <v>-909</v>
      </c>
      <c r="G27" s="755">
        <v>-1833</v>
      </c>
      <c r="H27" s="758">
        <v>-936</v>
      </c>
      <c r="I27" s="757">
        <v>-897</v>
      </c>
      <c r="J27" s="761" t="s">
        <v>44</v>
      </c>
      <c r="K27" s="762" t="s">
        <v>44</v>
      </c>
      <c r="L27" s="762" t="s">
        <v>44</v>
      </c>
      <c r="M27" s="770">
        <v>1833</v>
      </c>
      <c r="N27" s="758">
        <v>936</v>
      </c>
      <c r="O27" s="770">
        <v>897</v>
      </c>
      <c r="P27" s="757">
        <v>-25</v>
      </c>
      <c r="Q27" s="758">
        <v>-13</v>
      </c>
      <c r="R27" s="757">
        <v>-12</v>
      </c>
      <c r="S27" s="758">
        <v>276</v>
      </c>
      <c r="T27" s="758">
        <v>82</v>
      </c>
      <c r="U27" s="758">
        <v>194</v>
      </c>
      <c r="V27" s="758">
        <v>301</v>
      </c>
      <c r="W27" s="755">
        <v>95</v>
      </c>
      <c r="X27" s="755">
        <v>206</v>
      </c>
    </row>
    <row r="28" spans="1:24" ht="16.5" customHeight="1">
      <c r="A28" s="211"/>
      <c r="B28" s="755">
        <v>10934</v>
      </c>
      <c r="C28" s="756" t="s">
        <v>615</v>
      </c>
      <c r="D28" s="757">
        <v>-1643</v>
      </c>
      <c r="E28" s="758">
        <v>-651</v>
      </c>
      <c r="F28" s="757">
        <v>-992</v>
      </c>
      <c r="G28" s="755">
        <v>-1615</v>
      </c>
      <c r="H28" s="758">
        <v>-634</v>
      </c>
      <c r="I28" s="757">
        <v>-981</v>
      </c>
      <c r="J28" s="761" t="s">
        <v>44</v>
      </c>
      <c r="K28" s="762" t="s">
        <v>44</v>
      </c>
      <c r="L28" s="762" t="s">
        <v>44</v>
      </c>
      <c r="M28" s="770">
        <v>1615</v>
      </c>
      <c r="N28" s="758">
        <v>634</v>
      </c>
      <c r="O28" s="770">
        <v>981</v>
      </c>
      <c r="P28" s="757">
        <v>-28</v>
      </c>
      <c r="Q28" s="758">
        <v>-17</v>
      </c>
      <c r="R28" s="757">
        <v>-11</v>
      </c>
      <c r="S28" s="758">
        <v>154</v>
      </c>
      <c r="T28" s="758">
        <v>41</v>
      </c>
      <c r="U28" s="758">
        <v>113</v>
      </c>
      <c r="V28" s="755">
        <v>182</v>
      </c>
      <c r="W28" s="755">
        <v>58</v>
      </c>
      <c r="X28" s="755">
        <v>124</v>
      </c>
    </row>
    <row r="29" spans="1:24" ht="16.5" customHeight="1">
      <c r="A29" s="211"/>
      <c r="B29" s="766">
        <v>3096</v>
      </c>
      <c r="C29" s="763" t="s">
        <v>579</v>
      </c>
      <c r="D29" s="764">
        <v>-745</v>
      </c>
      <c r="E29" s="765">
        <v>-187</v>
      </c>
      <c r="F29" s="764">
        <v>-558</v>
      </c>
      <c r="G29" s="766">
        <v>-736</v>
      </c>
      <c r="H29" s="765">
        <v>-186</v>
      </c>
      <c r="I29" s="764">
        <v>-550</v>
      </c>
      <c r="J29" s="767" t="s">
        <v>44</v>
      </c>
      <c r="K29" s="768" t="s">
        <v>44</v>
      </c>
      <c r="L29" s="768" t="s">
        <v>44</v>
      </c>
      <c r="M29" s="770">
        <v>736</v>
      </c>
      <c r="N29" s="765">
        <v>186</v>
      </c>
      <c r="O29" s="771">
        <v>550</v>
      </c>
      <c r="P29" s="764">
        <v>-9</v>
      </c>
      <c r="Q29" s="765">
        <v>-1</v>
      </c>
      <c r="R29" s="764">
        <v>-8</v>
      </c>
      <c r="S29" s="758">
        <v>38</v>
      </c>
      <c r="T29" s="765">
        <v>4</v>
      </c>
      <c r="U29" s="765">
        <v>34</v>
      </c>
      <c r="V29" s="765">
        <v>47</v>
      </c>
      <c r="W29" s="766">
        <v>5</v>
      </c>
      <c r="X29" s="766">
        <v>42</v>
      </c>
    </row>
    <row r="30" spans="1:24" ht="16.5" customHeight="1">
      <c r="A30" s="211"/>
      <c r="B30" s="778">
        <v>630</v>
      </c>
      <c r="C30" s="763" t="s">
        <v>626</v>
      </c>
      <c r="D30" s="771">
        <v>-225</v>
      </c>
      <c r="E30" s="765">
        <v>-40</v>
      </c>
      <c r="F30" s="766">
        <v>-185</v>
      </c>
      <c r="G30" s="766">
        <v>-226</v>
      </c>
      <c r="H30" s="765">
        <v>-40</v>
      </c>
      <c r="I30" s="764">
        <v>-186</v>
      </c>
      <c r="J30" s="767" t="s">
        <v>44</v>
      </c>
      <c r="K30" s="768" t="s">
        <v>44</v>
      </c>
      <c r="L30" s="768" t="s">
        <v>44</v>
      </c>
      <c r="M30" s="777">
        <v>226</v>
      </c>
      <c r="N30" s="765">
        <v>40</v>
      </c>
      <c r="O30" s="771">
        <v>186</v>
      </c>
      <c r="P30" s="764">
        <v>1</v>
      </c>
      <c r="Q30" s="765">
        <v>0</v>
      </c>
      <c r="R30" s="766">
        <v>1</v>
      </c>
      <c r="S30" s="773">
        <v>6</v>
      </c>
      <c r="T30" s="765">
        <v>2</v>
      </c>
      <c r="U30" s="765">
        <v>4</v>
      </c>
      <c r="V30" s="765">
        <v>5</v>
      </c>
      <c r="W30" s="766">
        <v>2</v>
      </c>
      <c r="X30" s="766">
        <v>3</v>
      </c>
    </row>
    <row r="31" spans="1:24" ht="16.5" customHeight="1">
      <c r="A31" s="211"/>
      <c r="B31" s="834">
        <v>2679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2" t="s">
        <v>44</v>
      </c>
      <c r="M31" s="780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75731</v>
      </c>
      <c r="C32" s="756" t="s">
        <v>654</v>
      </c>
      <c r="D32" s="757">
        <v>4441</v>
      </c>
      <c r="E32" s="758">
        <v>2333</v>
      </c>
      <c r="F32" s="757">
        <v>2108</v>
      </c>
      <c r="G32" s="755">
        <v>3816</v>
      </c>
      <c r="H32" s="758">
        <v>1966</v>
      </c>
      <c r="I32" s="757">
        <v>1850</v>
      </c>
      <c r="J32" s="755">
        <v>3829</v>
      </c>
      <c r="K32" s="758">
        <v>1972</v>
      </c>
      <c r="L32" s="785">
        <v>1857</v>
      </c>
      <c r="M32" s="757">
        <v>13</v>
      </c>
      <c r="N32" s="758">
        <v>6</v>
      </c>
      <c r="O32" s="770">
        <v>7</v>
      </c>
      <c r="P32" s="757">
        <v>625</v>
      </c>
      <c r="Q32" s="758">
        <v>367</v>
      </c>
      <c r="R32" s="757">
        <v>258</v>
      </c>
      <c r="S32" s="755">
        <v>3056</v>
      </c>
      <c r="T32" s="758">
        <v>1575</v>
      </c>
      <c r="U32" s="770">
        <v>1481</v>
      </c>
      <c r="V32" s="757">
        <v>2431</v>
      </c>
      <c r="W32" s="758">
        <v>1208</v>
      </c>
      <c r="X32" s="757">
        <v>1223</v>
      </c>
    </row>
    <row r="33" spans="1:24" ht="16.5" customHeight="1">
      <c r="A33" s="211"/>
      <c r="B33" s="755">
        <v>394693</v>
      </c>
      <c r="C33" s="756" t="s">
        <v>655</v>
      </c>
      <c r="D33" s="757">
        <v>-1120</v>
      </c>
      <c r="E33" s="758">
        <v>-729</v>
      </c>
      <c r="F33" s="757">
        <v>-391</v>
      </c>
      <c r="G33" s="755">
        <v>-713</v>
      </c>
      <c r="H33" s="758">
        <v>-453</v>
      </c>
      <c r="I33" s="757">
        <v>-260</v>
      </c>
      <c r="J33" s="761" t="s">
        <v>44</v>
      </c>
      <c r="K33" s="762" t="s">
        <v>44</v>
      </c>
      <c r="L33" s="762" t="s">
        <v>44</v>
      </c>
      <c r="M33" s="757">
        <v>713</v>
      </c>
      <c r="N33" s="758">
        <v>453</v>
      </c>
      <c r="O33" s="770">
        <v>260</v>
      </c>
      <c r="P33" s="757">
        <v>-407</v>
      </c>
      <c r="Q33" s="758">
        <v>-276</v>
      </c>
      <c r="R33" s="757">
        <v>-131</v>
      </c>
      <c r="S33" s="755">
        <v>22923</v>
      </c>
      <c r="T33" s="758">
        <v>13541</v>
      </c>
      <c r="U33" s="770">
        <v>9382</v>
      </c>
      <c r="V33" s="757">
        <v>23330</v>
      </c>
      <c r="W33" s="758">
        <v>13817</v>
      </c>
      <c r="X33" s="757">
        <v>9513</v>
      </c>
    </row>
    <row r="34" spans="1:24" ht="16.5" customHeight="1" thickBot="1">
      <c r="A34" s="211"/>
      <c r="B34" s="755">
        <v>223116</v>
      </c>
      <c r="C34" s="756" t="s">
        <v>656</v>
      </c>
      <c r="D34" s="757">
        <v>-8212</v>
      </c>
      <c r="E34" s="758">
        <v>-4115</v>
      </c>
      <c r="F34" s="757">
        <v>-4097</v>
      </c>
      <c r="G34" s="755">
        <v>-7942</v>
      </c>
      <c r="H34" s="758">
        <v>-4011</v>
      </c>
      <c r="I34" s="757">
        <v>-3931</v>
      </c>
      <c r="J34" s="861" t="s">
        <v>44</v>
      </c>
      <c r="K34" s="838" t="s">
        <v>44</v>
      </c>
      <c r="L34" s="838" t="s">
        <v>44</v>
      </c>
      <c r="M34" s="757">
        <v>7942</v>
      </c>
      <c r="N34" s="758">
        <v>4011</v>
      </c>
      <c r="O34" s="770">
        <v>3931</v>
      </c>
      <c r="P34" s="757">
        <v>-270</v>
      </c>
      <c r="Q34" s="758">
        <v>-104</v>
      </c>
      <c r="R34" s="757">
        <v>-166</v>
      </c>
      <c r="S34" s="755">
        <v>1997</v>
      </c>
      <c r="T34" s="758">
        <v>814</v>
      </c>
      <c r="U34" s="770">
        <v>1183</v>
      </c>
      <c r="V34" s="757">
        <v>2267</v>
      </c>
      <c r="W34" s="758">
        <v>918</v>
      </c>
      <c r="X34" s="757">
        <v>1349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364</v>
      </c>
      <c r="F36" s="792" t="s">
        <v>364</v>
      </c>
      <c r="G36" s="794" t="s">
        <v>619</v>
      </c>
      <c r="H36" s="793" t="s">
        <v>364</v>
      </c>
      <c r="I36" s="792" t="s">
        <v>36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364</v>
      </c>
      <c r="Q36" s="793" t="s">
        <v>619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2</v>
      </c>
      <c r="C38" s="756" t="s">
        <v>657</v>
      </c>
      <c r="D38" s="803" t="s">
        <v>619</v>
      </c>
      <c r="E38" s="804" t="s">
        <v>619</v>
      </c>
      <c r="F38" s="803" t="s">
        <v>364</v>
      </c>
      <c r="G38" s="805" t="s">
        <v>619</v>
      </c>
      <c r="H38" s="804" t="s">
        <v>619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.1</v>
      </c>
      <c r="N38" s="809">
        <v>0.1</v>
      </c>
      <c r="O38" s="810">
        <v>0.1</v>
      </c>
      <c r="P38" s="805" t="s">
        <v>618</v>
      </c>
      <c r="Q38" s="804" t="s">
        <v>364</v>
      </c>
      <c r="R38" s="803" t="s">
        <v>364</v>
      </c>
      <c r="S38" s="811">
        <v>6</v>
      </c>
      <c r="T38" s="809">
        <v>5.5</v>
      </c>
      <c r="U38" s="810">
        <v>6.7</v>
      </c>
      <c r="V38" s="808">
        <v>4.5999999999999996</v>
      </c>
      <c r="W38" s="809">
        <v>4.0999999999999996</v>
      </c>
      <c r="X38" s="808">
        <v>5.4</v>
      </c>
    </row>
    <row r="39" spans="1:24" ht="16.5" customHeight="1">
      <c r="A39" s="211"/>
      <c r="B39" s="802">
        <v>3.7</v>
      </c>
      <c r="C39" s="756" t="s">
        <v>620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3.3</v>
      </c>
      <c r="T39" s="809">
        <v>2.9</v>
      </c>
      <c r="U39" s="810">
        <v>3.7</v>
      </c>
      <c r="V39" s="808">
        <v>2.6</v>
      </c>
      <c r="W39" s="809">
        <v>2.2999999999999998</v>
      </c>
      <c r="X39" s="808">
        <v>3</v>
      </c>
    </row>
    <row r="40" spans="1:24" ht="16.5" customHeight="1">
      <c r="A40" s="211"/>
      <c r="B40" s="802">
        <v>4.0999999999999996</v>
      </c>
      <c r="C40" s="756" t="s">
        <v>621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</v>
      </c>
      <c r="P40" s="805" t="s">
        <v>44</v>
      </c>
      <c r="Q40" s="804" t="s">
        <v>44</v>
      </c>
      <c r="R40" s="803" t="s">
        <v>44</v>
      </c>
      <c r="S40" s="811">
        <v>1.7</v>
      </c>
      <c r="T40" s="809">
        <v>1.5</v>
      </c>
      <c r="U40" s="810">
        <v>1.9</v>
      </c>
      <c r="V40" s="808">
        <v>1.5</v>
      </c>
      <c r="W40" s="809">
        <v>1.3</v>
      </c>
      <c r="X40" s="808">
        <v>1.8</v>
      </c>
    </row>
    <row r="41" spans="1:24" ht="16.5" customHeight="1">
      <c r="A41" s="211"/>
      <c r="B41" s="802">
        <v>4.9000000000000004</v>
      </c>
      <c r="C41" s="756" t="s">
        <v>476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1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10.8</v>
      </c>
      <c r="T41" s="809">
        <v>15</v>
      </c>
      <c r="U41" s="810">
        <v>5.3</v>
      </c>
      <c r="V41" s="808">
        <v>8.1999999999999993</v>
      </c>
      <c r="W41" s="809">
        <v>10.8</v>
      </c>
      <c r="X41" s="808">
        <v>4.8</v>
      </c>
    </row>
    <row r="42" spans="1:24" ht="16.5" customHeight="1">
      <c r="A42" s="211"/>
      <c r="B42" s="800">
        <v>4.5999999999999996</v>
      </c>
      <c r="C42" s="763" t="s">
        <v>658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1</v>
      </c>
      <c r="N42" s="816">
        <v>0.1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4.6</v>
      </c>
      <c r="T42" s="816">
        <v>15.6</v>
      </c>
      <c r="U42" s="817">
        <v>13.3</v>
      </c>
      <c r="V42" s="815">
        <v>19.3</v>
      </c>
      <c r="W42" s="816">
        <v>21.1</v>
      </c>
      <c r="X42" s="815">
        <v>16.899999999999999</v>
      </c>
    </row>
    <row r="43" spans="1:24" ht="16.5" customHeight="1">
      <c r="A43" s="211"/>
      <c r="B43" s="802">
        <v>3.9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2</v>
      </c>
      <c r="N43" s="809">
        <v>0.2</v>
      </c>
      <c r="O43" s="810">
        <v>0.1</v>
      </c>
      <c r="P43" s="805" t="s">
        <v>44</v>
      </c>
      <c r="Q43" s="804" t="s">
        <v>44</v>
      </c>
      <c r="R43" s="803" t="s">
        <v>44</v>
      </c>
      <c r="S43" s="811">
        <v>13.8</v>
      </c>
      <c r="T43" s="809">
        <v>13.5</v>
      </c>
      <c r="U43" s="810">
        <v>14.2</v>
      </c>
      <c r="V43" s="808">
        <v>16.100000000000001</v>
      </c>
      <c r="W43" s="809">
        <v>15.7</v>
      </c>
      <c r="X43" s="808">
        <v>16.600000000000001</v>
      </c>
    </row>
    <row r="44" spans="1:24" ht="16.5" customHeight="1">
      <c r="A44" s="729" t="s">
        <v>586</v>
      </c>
      <c r="B44" s="802">
        <v>4.2</v>
      </c>
      <c r="C44" s="756" t="s">
        <v>659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2</v>
      </c>
      <c r="N44" s="809">
        <v>0.3</v>
      </c>
      <c r="O44" s="810">
        <v>0.2</v>
      </c>
      <c r="P44" s="805" t="s">
        <v>44</v>
      </c>
      <c r="Q44" s="804" t="s">
        <v>44</v>
      </c>
      <c r="R44" s="803" t="s">
        <v>44</v>
      </c>
      <c r="S44" s="811">
        <v>11.5</v>
      </c>
      <c r="T44" s="809">
        <v>11.1</v>
      </c>
      <c r="U44" s="810">
        <v>12.1</v>
      </c>
      <c r="V44" s="808">
        <v>11.5</v>
      </c>
      <c r="W44" s="809">
        <v>11</v>
      </c>
      <c r="X44" s="808">
        <v>12.1</v>
      </c>
    </row>
    <row r="45" spans="1:24" ht="16.5" customHeight="1">
      <c r="A45" s="729"/>
      <c r="B45" s="802">
        <v>5.0999999999999996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3</v>
      </c>
      <c r="N45" s="809">
        <v>0.3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9.1</v>
      </c>
      <c r="T45" s="809">
        <v>8.3000000000000007</v>
      </c>
      <c r="U45" s="810">
        <v>10.3</v>
      </c>
      <c r="V45" s="808">
        <v>7.9</v>
      </c>
      <c r="W45" s="809">
        <v>7.5</v>
      </c>
      <c r="X45" s="808">
        <v>8.3000000000000007</v>
      </c>
    </row>
    <row r="46" spans="1:24" ht="16.5" customHeight="1">
      <c r="A46" s="731"/>
      <c r="B46" s="802">
        <v>6.5</v>
      </c>
      <c r="C46" s="756" t="s">
        <v>567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6</v>
      </c>
      <c r="N46" s="809">
        <v>0.7</v>
      </c>
      <c r="O46" s="810">
        <v>0.5</v>
      </c>
      <c r="P46" s="805" t="s">
        <v>44</v>
      </c>
      <c r="Q46" s="804" t="s">
        <v>44</v>
      </c>
      <c r="R46" s="803" t="s">
        <v>44</v>
      </c>
      <c r="S46" s="811">
        <v>6.7</v>
      </c>
      <c r="T46" s="809">
        <v>6.4</v>
      </c>
      <c r="U46" s="810">
        <v>6.9</v>
      </c>
      <c r="V46" s="808">
        <v>6.6</v>
      </c>
      <c r="W46" s="809">
        <v>6.6</v>
      </c>
      <c r="X46" s="808">
        <v>6.5</v>
      </c>
    </row>
    <row r="47" spans="1:24" ht="16.5" customHeight="1">
      <c r="A47" s="731"/>
      <c r="B47" s="800">
        <v>8.3000000000000007</v>
      </c>
      <c r="C47" s="763" t="s">
        <v>660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0.8</v>
      </c>
      <c r="N47" s="816">
        <v>0.8</v>
      </c>
      <c r="O47" s="817">
        <v>0.9</v>
      </c>
      <c r="P47" s="812" t="s">
        <v>44</v>
      </c>
      <c r="Q47" s="813" t="s">
        <v>44</v>
      </c>
      <c r="R47" s="814" t="s">
        <v>44</v>
      </c>
      <c r="S47" s="818">
        <v>5.7</v>
      </c>
      <c r="T47" s="816">
        <v>5.4</v>
      </c>
      <c r="U47" s="817">
        <v>6.1</v>
      </c>
      <c r="V47" s="815">
        <v>5.2</v>
      </c>
      <c r="W47" s="816">
        <v>5.3</v>
      </c>
      <c r="X47" s="815">
        <v>5.0999999999999996</v>
      </c>
    </row>
    <row r="48" spans="1:24" ht="16.5" customHeight="1">
      <c r="A48" s="729" t="s">
        <v>520</v>
      </c>
      <c r="B48" s="802">
        <v>7.4</v>
      </c>
      <c r="C48" s="756" t="s">
        <v>661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4</v>
      </c>
      <c r="N48" s="809">
        <v>1.7</v>
      </c>
      <c r="O48" s="810">
        <v>1</v>
      </c>
      <c r="P48" s="805" t="s">
        <v>44</v>
      </c>
      <c r="Q48" s="804" t="s">
        <v>44</v>
      </c>
      <c r="R48" s="803" t="s">
        <v>44</v>
      </c>
      <c r="S48" s="811">
        <v>4.4000000000000004</v>
      </c>
      <c r="T48" s="809">
        <v>4.5</v>
      </c>
      <c r="U48" s="810">
        <v>4.3</v>
      </c>
      <c r="V48" s="808">
        <v>4.0999999999999996</v>
      </c>
      <c r="W48" s="809">
        <v>4.2</v>
      </c>
      <c r="X48" s="808">
        <v>4</v>
      </c>
    </row>
    <row r="49" spans="1:24" ht="16.5" customHeight="1">
      <c r="A49" s="731"/>
      <c r="B49" s="802">
        <v>6.3</v>
      </c>
      <c r="C49" s="756" t="s">
        <v>65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</v>
      </c>
      <c r="N49" s="809">
        <v>2.6</v>
      </c>
      <c r="O49" s="810">
        <v>1.3</v>
      </c>
      <c r="P49" s="805" t="s">
        <v>44</v>
      </c>
      <c r="Q49" s="804" t="s">
        <v>44</v>
      </c>
      <c r="R49" s="803" t="s">
        <v>44</v>
      </c>
      <c r="S49" s="811">
        <v>2.9</v>
      </c>
      <c r="T49" s="809">
        <v>2.8</v>
      </c>
      <c r="U49" s="810">
        <v>3.1</v>
      </c>
      <c r="V49" s="808">
        <v>2.4</v>
      </c>
      <c r="W49" s="809">
        <v>2.5</v>
      </c>
      <c r="X49" s="808">
        <v>2.4</v>
      </c>
    </row>
    <row r="50" spans="1:24" ht="16.5" customHeight="1">
      <c r="A50" s="729"/>
      <c r="B50" s="802">
        <v>5.7</v>
      </c>
      <c r="C50" s="756" t="s">
        <v>609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2.6</v>
      </c>
      <c r="N50" s="809">
        <v>3.3</v>
      </c>
      <c r="O50" s="810">
        <v>1.8</v>
      </c>
      <c r="P50" s="805" t="s">
        <v>44</v>
      </c>
      <c r="Q50" s="804" t="s">
        <v>44</v>
      </c>
      <c r="R50" s="803" t="s">
        <v>44</v>
      </c>
      <c r="S50" s="811">
        <v>2.2999999999999998</v>
      </c>
      <c r="T50" s="809">
        <v>2.2999999999999998</v>
      </c>
      <c r="U50" s="810">
        <v>2.4</v>
      </c>
      <c r="V50" s="808">
        <v>2</v>
      </c>
      <c r="W50" s="809">
        <v>1.9</v>
      </c>
      <c r="X50" s="808">
        <v>2</v>
      </c>
    </row>
    <row r="51" spans="1:24" ht="16.5" customHeight="1">
      <c r="A51" s="731"/>
      <c r="B51" s="802">
        <v>6.7</v>
      </c>
      <c r="C51" s="756" t="s">
        <v>662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4.5</v>
      </c>
      <c r="N51" s="809">
        <v>5.4</v>
      </c>
      <c r="O51" s="810">
        <v>3.6</v>
      </c>
      <c r="P51" s="805" t="s">
        <v>44</v>
      </c>
      <c r="Q51" s="804" t="s">
        <v>44</v>
      </c>
      <c r="R51" s="803" t="s">
        <v>44</v>
      </c>
      <c r="S51" s="811">
        <v>1.7</v>
      </c>
      <c r="T51" s="809">
        <v>1.6</v>
      </c>
      <c r="U51" s="810">
        <v>1.9</v>
      </c>
      <c r="V51" s="808">
        <v>1.8</v>
      </c>
      <c r="W51" s="809">
        <v>1.6</v>
      </c>
      <c r="X51" s="808">
        <v>1.9</v>
      </c>
    </row>
    <row r="52" spans="1:24" ht="16.5" customHeight="1">
      <c r="A52" s="729" t="s">
        <v>589</v>
      </c>
      <c r="B52" s="800">
        <v>7.9</v>
      </c>
      <c r="C52" s="763" t="s">
        <v>663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8.1</v>
      </c>
      <c r="N52" s="816">
        <v>10</v>
      </c>
      <c r="O52" s="817">
        <v>5.9</v>
      </c>
      <c r="P52" s="812" t="s">
        <v>44</v>
      </c>
      <c r="Q52" s="813" t="s">
        <v>44</v>
      </c>
      <c r="R52" s="814" t="s">
        <v>44</v>
      </c>
      <c r="S52" s="818">
        <v>1.4</v>
      </c>
      <c r="T52" s="816">
        <v>1.3</v>
      </c>
      <c r="U52" s="817">
        <v>1.6</v>
      </c>
      <c r="V52" s="815">
        <v>1.6</v>
      </c>
      <c r="W52" s="816">
        <v>1.2</v>
      </c>
      <c r="X52" s="815">
        <v>2.2000000000000002</v>
      </c>
    </row>
    <row r="53" spans="1:24" ht="16.5" customHeight="1">
      <c r="A53" s="211"/>
      <c r="B53" s="802">
        <v>7</v>
      </c>
      <c r="C53" s="756" t="s">
        <v>624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1.7</v>
      </c>
      <c r="N53" s="809">
        <v>15</v>
      </c>
      <c r="O53" s="810">
        <v>8.1</v>
      </c>
      <c r="P53" s="805" t="s">
        <v>44</v>
      </c>
      <c r="Q53" s="804" t="s">
        <v>44</v>
      </c>
      <c r="R53" s="803" t="s">
        <v>44</v>
      </c>
      <c r="S53" s="811">
        <v>1.2</v>
      </c>
      <c r="T53" s="809">
        <v>0.8</v>
      </c>
      <c r="U53" s="810">
        <v>1.8</v>
      </c>
      <c r="V53" s="808">
        <v>1.6</v>
      </c>
      <c r="W53" s="809">
        <v>1.1000000000000001</v>
      </c>
      <c r="X53" s="808">
        <v>2.2000000000000002</v>
      </c>
    </row>
    <row r="54" spans="1:24" ht="16.5" customHeight="1">
      <c r="A54" s="211"/>
      <c r="B54" s="802">
        <v>5.0999999999999996</v>
      </c>
      <c r="C54" s="756" t="s">
        <v>613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.5</v>
      </c>
      <c r="N54" s="809">
        <v>19.100000000000001</v>
      </c>
      <c r="O54" s="810">
        <v>13.8</v>
      </c>
      <c r="P54" s="805" t="s">
        <v>44</v>
      </c>
      <c r="Q54" s="804" t="s">
        <v>44</v>
      </c>
      <c r="R54" s="803" t="s">
        <v>44</v>
      </c>
      <c r="S54" s="811">
        <v>1.1000000000000001</v>
      </c>
      <c r="T54" s="809">
        <v>0.6</v>
      </c>
      <c r="U54" s="810">
        <v>1.6</v>
      </c>
      <c r="V54" s="808">
        <v>1.2</v>
      </c>
      <c r="W54" s="809">
        <v>0.7</v>
      </c>
      <c r="X54" s="808">
        <v>1.8</v>
      </c>
    </row>
    <row r="55" spans="1:24" ht="16.5" customHeight="1">
      <c r="A55" s="211"/>
      <c r="B55" s="802">
        <v>3.4</v>
      </c>
      <c r="C55" s="756" t="s">
        <v>614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21.1</v>
      </c>
      <c r="N55" s="809">
        <v>20.9</v>
      </c>
      <c r="O55" s="810">
        <v>21.4</v>
      </c>
      <c r="P55" s="805" t="s">
        <v>44</v>
      </c>
      <c r="Q55" s="804" t="s">
        <v>44</v>
      </c>
      <c r="R55" s="803" t="s">
        <v>44</v>
      </c>
      <c r="S55" s="811">
        <v>1</v>
      </c>
      <c r="T55" s="809">
        <v>0.5</v>
      </c>
      <c r="U55" s="810">
        <v>1.6</v>
      </c>
      <c r="V55" s="808">
        <v>1.1000000000000001</v>
      </c>
      <c r="W55" s="809">
        <v>0.6</v>
      </c>
      <c r="X55" s="808">
        <v>1.7</v>
      </c>
    </row>
    <row r="56" spans="1:24" ht="16.5" customHeight="1">
      <c r="A56" s="211"/>
      <c r="B56" s="802">
        <v>1.6</v>
      </c>
      <c r="C56" s="756" t="s">
        <v>636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8.600000000000001</v>
      </c>
      <c r="N56" s="809">
        <v>14.2</v>
      </c>
      <c r="O56" s="810">
        <v>23.4</v>
      </c>
      <c r="P56" s="805" t="s">
        <v>44</v>
      </c>
      <c r="Q56" s="804" t="s">
        <v>44</v>
      </c>
      <c r="R56" s="803" t="s">
        <v>44</v>
      </c>
      <c r="S56" s="811">
        <v>0.6</v>
      </c>
      <c r="T56" s="809">
        <v>0.3</v>
      </c>
      <c r="U56" s="810">
        <v>0.9</v>
      </c>
      <c r="V56" s="808">
        <v>0.6</v>
      </c>
      <c r="W56" s="809">
        <v>0.4</v>
      </c>
      <c r="X56" s="808">
        <v>1</v>
      </c>
    </row>
    <row r="57" spans="1:24" ht="16.5" customHeight="1">
      <c r="A57" s="211"/>
      <c r="B57" s="800">
        <v>0.4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8.5</v>
      </c>
      <c r="N57" s="816">
        <v>4.2</v>
      </c>
      <c r="O57" s="817">
        <v>13.1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</v>
      </c>
      <c r="U57" s="817">
        <v>0.3</v>
      </c>
      <c r="V57" s="815">
        <v>0.2</v>
      </c>
      <c r="W57" s="816">
        <v>0</v>
      </c>
      <c r="X57" s="815">
        <v>0.3</v>
      </c>
    </row>
    <row r="58" spans="1:24" ht="16.5" customHeight="1">
      <c r="A58" s="211"/>
      <c r="B58" s="819">
        <v>0.1</v>
      </c>
      <c r="C58" s="763" t="s">
        <v>616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2.6</v>
      </c>
      <c r="N58" s="816">
        <v>0.9</v>
      </c>
      <c r="O58" s="816">
        <v>4.4000000000000004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619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0.9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1</v>
      </c>
      <c r="N60" s="809">
        <v>0.1</v>
      </c>
      <c r="O60" s="810">
        <v>0.2</v>
      </c>
      <c r="P60" s="805" t="s">
        <v>44</v>
      </c>
      <c r="Q60" s="804" t="s">
        <v>44</v>
      </c>
      <c r="R60" s="803" t="s">
        <v>44</v>
      </c>
      <c r="S60" s="811">
        <v>10.9</v>
      </c>
      <c r="T60" s="809">
        <v>9.9</v>
      </c>
      <c r="U60" s="810">
        <v>12.3</v>
      </c>
      <c r="V60" s="808">
        <v>8.6999999999999993</v>
      </c>
      <c r="W60" s="809">
        <v>7.6</v>
      </c>
      <c r="X60" s="808">
        <v>10.1</v>
      </c>
    </row>
    <row r="61" spans="1:24" ht="16.5" customHeight="1">
      <c r="A61" s="211"/>
      <c r="B61" s="802">
        <v>56.9</v>
      </c>
      <c r="C61" s="756" t="s">
        <v>582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8.1999999999999993</v>
      </c>
      <c r="N61" s="809">
        <v>10.1</v>
      </c>
      <c r="O61" s="810">
        <v>6.2</v>
      </c>
      <c r="P61" s="805" t="s">
        <v>44</v>
      </c>
      <c r="Q61" s="804" t="s">
        <v>44</v>
      </c>
      <c r="R61" s="803" t="s">
        <v>44</v>
      </c>
      <c r="S61" s="811">
        <v>81.900000000000006</v>
      </c>
      <c r="T61" s="809">
        <v>85</v>
      </c>
      <c r="U61" s="810">
        <v>77.900000000000006</v>
      </c>
      <c r="V61" s="808">
        <v>83.2</v>
      </c>
      <c r="W61" s="809">
        <v>86.7</v>
      </c>
      <c r="X61" s="808">
        <v>78.7</v>
      </c>
    </row>
    <row r="62" spans="1:24" ht="16.5" customHeight="1" thickBot="1">
      <c r="A62" s="824"/>
      <c r="B62" s="825">
        <v>32.200000000000003</v>
      </c>
      <c r="C62" s="826" t="s">
        <v>664</v>
      </c>
      <c r="D62" s="812" t="s">
        <v>44</v>
      </c>
      <c r="E62" s="813" t="s">
        <v>44</v>
      </c>
      <c r="F62" s="814" t="s">
        <v>44</v>
      </c>
      <c r="G62" s="812" t="s">
        <v>44</v>
      </c>
      <c r="H62" s="813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29">
        <v>91.6</v>
      </c>
      <c r="N62" s="830">
        <v>89.7</v>
      </c>
      <c r="O62" s="831">
        <v>93.6</v>
      </c>
      <c r="P62" s="828" t="s">
        <v>44</v>
      </c>
      <c r="Q62" s="827" t="s">
        <v>44</v>
      </c>
      <c r="R62" s="827" t="s">
        <v>44</v>
      </c>
      <c r="S62" s="832">
        <v>7.1</v>
      </c>
      <c r="T62" s="830">
        <v>5.0999999999999996</v>
      </c>
      <c r="U62" s="831">
        <v>9.8000000000000007</v>
      </c>
      <c r="V62" s="829">
        <v>8.1</v>
      </c>
      <c r="W62" s="830">
        <v>5.8</v>
      </c>
      <c r="X62" s="829">
        <v>11.2</v>
      </c>
    </row>
    <row r="63" spans="1:24" ht="15" thickTop="1">
      <c r="A63" s="296" t="s">
        <v>665</v>
      </c>
      <c r="B63" s="1314" t="s">
        <v>537</v>
      </c>
      <c r="C63" s="1314"/>
      <c r="D63" s="1314"/>
      <c r="E63" s="1314"/>
      <c r="F63" s="1314"/>
      <c r="G63" s="1314"/>
      <c r="H63" s="1314"/>
      <c r="I63" s="296"/>
    </row>
    <row r="64" spans="1:24" ht="14.25">
      <c r="B64" s="296" t="s">
        <v>538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8">
    <mergeCell ref="S4:U4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  <mergeCell ref="B63:H63"/>
    <mergeCell ref="B65:I65"/>
    <mergeCell ref="P4:R4"/>
    <mergeCell ref="A4:B4"/>
    <mergeCell ref="C4:C5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-30-</oddFooter>
    <evenFooter>&amp;C&amp;"ＭＳ ゴシック,太字"-31-</even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topLeftCell="A7" zoomScale="90" zoomScaleNormal="9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666</v>
      </c>
      <c r="B1" s="295"/>
      <c r="C1" s="353"/>
      <c r="D1" s="353"/>
      <c r="E1" s="353"/>
      <c r="F1" s="353"/>
      <c r="Q1" s="353" t="s">
        <v>667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728" t="s">
        <v>594</v>
      </c>
      <c r="B3" s="729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596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468</v>
      </c>
      <c r="H5" s="1324"/>
      <c r="I5" s="1325"/>
      <c r="J5" s="1323" t="s">
        <v>630</v>
      </c>
      <c r="K5" s="1324"/>
      <c r="L5" s="1325"/>
      <c r="M5" s="1324" t="s">
        <v>668</v>
      </c>
      <c r="N5" s="1324"/>
      <c r="O5" s="1325"/>
      <c r="P5" s="1323" t="s">
        <v>669</v>
      </c>
      <c r="Q5" s="1324"/>
      <c r="R5" s="1325"/>
      <c r="S5" s="1323" t="s">
        <v>601</v>
      </c>
      <c r="T5" s="1324"/>
      <c r="U5" s="1325"/>
      <c r="V5" s="1323" t="s">
        <v>60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740" t="s">
        <v>555</v>
      </c>
      <c r="K6" s="739" t="s">
        <v>556</v>
      </c>
      <c r="L6" s="739" t="s">
        <v>557</v>
      </c>
      <c r="M6" s="737" t="s">
        <v>555</v>
      </c>
      <c r="N6" s="739" t="s">
        <v>556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1576940</v>
      </c>
      <c r="C8" s="746" t="s">
        <v>214</v>
      </c>
      <c r="D8" s="747">
        <v>3172</v>
      </c>
      <c r="E8" s="748">
        <v>1396</v>
      </c>
      <c r="F8" s="747">
        <v>1776</v>
      </c>
      <c r="G8" s="745">
        <v>-3383</v>
      </c>
      <c r="H8" s="748">
        <v>-2331</v>
      </c>
      <c r="I8" s="747">
        <v>-1052</v>
      </c>
      <c r="J8" s="745">
        <v>10688</v>
      </c>
      <c r="K8" s="748">
        <v>5423</v>
      </c>
      <c r="L8" s="748">
        <v>5265</v>
      </c>
      <c r="M8" s="747">
        <v>14071</v>
      </c>
      <c r="N8" s="748">
        <v>7754</v>
      </c>
      <c r="O8" s="749">
        <v>6317</v>
      </c>
      <c r="P8" s="747">
        <v>6555</v>
      </c>
      <c r="Q8" s="748">
        <v>3727</v>
      </c>
      <c r="R8" s="747">
        <v>2828</v>
      </c>
      <c r="S8" s="745">
        <v>79978</v>
      </c>
      <c r="T8" s="748">
        <v>43786</v>
      </c>
      <c r="U8" s="749">
        <v>36192</v>
      </c>
      <c r="V8" s="747">
        <v>73423</v>
      </c>
      <c r="W8" s="748">
        <v>40059</v>
      </c>
      <c r="X8" s="747">
        <v>33364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57970</v>
      </c>
      <c r="C10" s="756" t="s">
        <v>670</v>
      </c>
      <c r="D10" s="757">
        <v>11056</v>
      </c>
      <c r="E10" s="758">
        <v>5608</v>
      </c>
      <c r="F10" s="757">
        <v>5448</v>
      </c>
      <c r="G10" s="755">
        <v>10654</v>
      </c>
      <c r="H10" s="758">
        <v>5408</v>
      </c>
      <c r="I10" s="757">
        <v>5246</v>
      </c>
      <c r="J10" s="755">
        <v>10688</v>
      </c>
      <c r="K10" s="755">
        <v>5423</v>
      </c>
      <c r="L10" s="759">
        <v>5265</v>
      </c>
      <c r="M10" s="769">
        <v>34</v>
      </c>
      <c r="N10" s="755">
        <v>15</v>
      </c>
      <c r="O10" s="758">
        <v>19</v>
      </c>
      <c r="P10" s="757">
        <v>402</v>
      </c>
      <c r="Q10" s="758">
        <v>200</v>
      </c>
      <c r="R10" s="757">
        <v>202</v>
      </c>
      <c r="S10" s="755">
        <v>4485</v>
      </c>
      <c r="T10" s="758">
        <v>2315</v>
      </c>
      <c r="U10" s="758">
        <v>2170</v>
      </c>
      <c r="V10" s="755">
        <v>4083</v>
      </c>
      <c r="W10" s="755">
        <v>2115</v>
      </c>
      <c r="X10" s="755">
        <v>1968</v>
      </c>
    </row>
    <row r="11" spans="1:24" ht="16.5" customHeight="1">
      <c r="A11" s="211"/>
      <c r="B11" s="755">
        <v>63141</v>
      </c>
      <c r="C11" s="756" t="s">
        <v>638</v>
      </c>
      <c r="D11" s="757">
        <v>-32</v>
      </c>
      <c r="E11" s="758">
        <v>-22</v>
      </c>
      <c r="F11" s="757">
        <v>-10</v>
      </c>
      <c r="G11" s="755">
        <v>-6</v>
      </c>
      <c r="H11" s="758">
        <v>-4</v>
      </c>
      <c r="I11" s="757">
        <v>-2</v>
      </c>
      <c r="J11" s="761" t="s">
        <v>44</v>
      </c>
      <c r="K11" s="762" t="s">
        <v>44</v>
      </c>
      <c r="L11" s="762" t="s">
        <v>44</v>
      </c>
      <c r="M11" s="770">
        <v>6</v>
      </c>
      <c r="N11" s="755">
        <v>4</v>
      </c>
      <c r="O11" s="758">
        <v>2</v>
      </c>
      <c r="P11" s="757">
        <v>-26</v>
      </c>
      <c r="Q11" s="758">
        <v>-18</v>
      </c>
      <c r="R11" s="757">
        <v>-8</v>
      </c>
      <c r="S11" s="758">
        <v>2020</v>
      </c>
      <c r="T11" s="758">
        <v>1047</v>
      </c>
      <c r="U11" s="758">
        <v>973</v>
      </c>
      <c r="V11" s="758">
        <v>2046</v>
      </c>
      <c r="W11" s="755">
        <v>1065</v>
      </c>
      <c r="X11" s="755">
        <v>981</v>
      </c>
    </row>
    <row r="12" spans="1:24" ht="16.5" customHeight="1">
      <c r="A12" s="211"/>
      <c r="B12" s="755">
        <v>66761</v>
      </c>
      <c r="C12" s="756" t="s">
        <v>621</v>
      </c>
      <c r="D12" s="757">
        <v>84</v>
      </c>
      <c r="E12" s="758">
        <v>46</v>
      </c>
      <c r="F12" s="757">
        <v>38</v>
      </c>
      <c r="G12" s="755">
        <v>-7</v>
      </c>
      <c r="H12" s="758">
        <v>-3</v>
      </c>
      <c r="I12" s="757">
        <v>-4</v>
      </c>
      <c r="J12" s="761" t="s">
        <v>44</v>
      </c>
      <c r="K12" s="762" t="s">
        <v>44</v>
      </c>
      <c r="L12" s="762" t="s">
        <v>44</v>
      </c>
      <c r="M12" s="770">
        <v>7</v>
      </c>
      <c r="N12" s="755">
        <v>3</v>
      </c>
      <c r="O12" s="758">
        <v>4</v>
      </c>
      <c r="P12" s="757">
        <v>91</v>
      </c>
      <c r="Q12" s="758">
        <v>49</v>
      </c>
      <c r="R12" s="757">
        <v>42</v>
      </c>
      <c r="S12" s="758">
        <v>1121</v>
      </c>
      <c r="T12" s="758">
        <v>555</v>
      </c>
      <c r="U12" s="758">
        <v>566</v>
      </c>
      <c r="V12" s="758">
        <v>1030</v>
      </c>
      <c r="W12" s="755">
        <v>506</v>
      </c>
      <c r="X12" s="755">
        <v>524</v>
      </c>
    </row>
    <row r="13" spans="1:24" ht="16.5" customHeight="1">
      <c r="A13" s="211"/>
      <c r="B13" s="755">
        <v>71796</v>
      </c>
      <c r="C13" s="756" t="s">
        <v>671</v>
      </c>
      <c r="D13" s="757">
        <v>1123</v>
      </c>
      <c r="E13" s="758">
        <v>546</v>
      </c>
      <c r="F13" s="757">
        <v>577</v>
      </c>
      <c r="G13" s="755">
        <v>-19</v>
      </c>
      <c r="H13" s="758">
        <v>-14</v>
      </c>
      <c r="I13" s="757">
        <v>-5</v>
      </c>
      <c r="J13" s="761" t="s">
        <v>44</v>
      </c>
      <c r="K13" s="762" t="s">
        <v>44</v>
      </c>
      <c r="L13" s="762" t="s">
        <v>44</v>
      </c>
      <c r="M13" s="770">
        <v>19</v>
      </c>
      <c r="N13" s="755">
        <v>14</v>
      </c>
      <c r="O13" s="758">
        <v>5</v>
      </c>
      <c r="P13" s="757">
        <v>1142</v>
      </c>
      <c r="Q13" s="758">
        <v>560</v>
      </c>
      <c r="R13" s="757">
        <v>582</v>
      </c>
      <c r="S13" s="758">
        <v>3261</v>
      </c>
      <c r="T13" s="758">
        <v>1695</v>
      </c>
      <c r="U13" s="758">
        <v>1566</v>
      </c>
      <c r="V13" s="758">
        <v>2119</v>
      </c>
      <c r="W13" s="755">
        <v>1135</v>
      </c>
      <c r="X13" s="755">
        <v>984</v>
      </c>
    </row>
    <row r="14" spans="1:24" ht="16.5" customHeight="1">
      <c r="A14" s="211"/>
      <c r="B14" s="766">
        <v>88949</v>
      </c>
      <c r="C14" s="763" t="s">
        <v>672</v>
      </c>
      <c r="D14" s="764">
        <v>1822</v>
      </c>
      <c r="E14" s="765">
        <v>1159</v>
      </c>
      <c r="F14" s="764">
        <v>663</v>
      </c>
      <c r="G14" s="766">
        <v>-28</v>
      </c>
      <c r="H14" s="765">
        <v>-23</v>
      </c>
      <c r="I14" s="764">
        <v>-5</v>
      </c>
      <c r="J14" s="767" t="s">
        <v>44</v>
      </c>
      <c r="K14" s="768" t="s">
        <v>44</v>
      </c>
      <c r="L14" s="768" t="s">
        <v>44</v>
      </c>
      <c r="M14" s="770">
        <v>28</v>
      </c>
      <c r="N14" s="766">
        <v>23</v>
      </c>
      <c r="O14" s="765">
        <v>5</v>
      </c>
      <c r="P14" s="764">
        <v>1850</v>
      </c>
      <c r="Q14" s="765">
        <v>1182</v>
      </c>
      <c r="R14" s="764">
        <v>668</v>
      </c>
      <c r="S14" s="765">
        <v>14180</v>
      </c>
      <c r="T14" s="765">
        <v>7582</v>
      </c>
      <c r="U14" s="765">
        <v>6598</v>
      </c>
      <c r="V14" s="758">
        <v>12330</v>
      </c>
      <c r="W14" s="766">
        <v>6400</v>
      </c>
      <c r="X14" s="766">
        <v>5930</v>
      </c>
    </row>
    <row r="15" spans="1:24" ht="16.5" customHeight="1">
      <c r="A15" s="211"/>
      <c r="B15" s="755">
        <v>87001</v>
      </c>
      <c r="C15" s="756" t="s">
        <v>673</v>
      </c>
      <c r="D15" s="757">
        <v>820</v>
      </c>
      <c r="E15" s="758">
        <v>646</v>
      </c>
      <c r="F15" s="757">
        <v>174</v>
      </c>
      <c r="G15" s="755">
        <v>-30</v>
      </c>
      <c r="H15" s="758">
        <v>-28</v>
      </c>
      <c r="I15" s="757">
        <v>-2</v>
      </c>
      <c r="J15" s="761" t="s">
        <v>44</v>
      </c>
      <c r="K15" s="762" t="s">
        <v>44</v>
      </c>
      <c r="L15" s="762" t="s">
        <v>44</v>
      </c>
      <c r="M15" s="769">
        <v>30</v>
      </c>
      <c r="N15" s="755">
        <v>28</v>
      </c>
      <c r="O15" s="758">
        <v>2</v>
      </c>
      <c r="P15" s="757">
        <v>850</v>
      </c>
      <c r="Q15" s="758">
        <v>674</v>
      </c>
      <c r="R15" s="757">
        <v>176</v>
      </c>
      <c r="S15" s="755">
        <v>16163</v>
      </c>
      <c r="T15" s="758">
        <v>8932</v>
      </c>
      <c r="U15" s="758">
        <v>7231</v>
      </c>
      <c r="V15" s="759">
        <v>15313</v>
      </c>
      <c r="W15" s="755">
        <v>8258</v>
      </c>
      <c r="X15" s="755">
        <v>7055</v>
      </c>
    </row>
    <row r="16" spans="1:24" ht="16.5" customHeight="1">
      <c r="A16" s="211"/>
      <c r="B16" s="755">
        <v>84383</v>
      </c>
      <c r="C16" s="756" t="s">
        <v>674</v>
      </c>
      <c r="D16" s="757">
        <v>492</v>
      </c>
      <c r="E16" s="758">
        <v>356</v>
      </c>
      <c r="F16" s="757">
        <v>136</v>
      </c>
      <c r="G16" s="755">
        <v>-46</v>
      </c>
      <c r="H16" s="758">
        <v>-32</v>
      </c>
      <c r="I16" s="757">
        <v>-14</v>
      </c>
      <c r="J16" s="761" t="s">
        <v>44</v>
      </c>
      <c r="K16" s="762" t="s">
        <v>44</v>
      </c>
      <c r="L16" s="762" t="s">
        <v>44</v>
      </c>
      <c r="M16" s="770">
        <v>46</v>
      </c>
      <c r="N16" s="755">
        <v>32</v>
      </c>
      <c r="O16" s="758">
        <v>14</v>
      </c>
      <c r="P16" s="757">
        <v>538</v>
      </c>
      <c r="Q16" s="758">
        <v>388</v>
      </c>
      <c r="R16" s="757">
        <v>150</v>
      </c>
      <c r="S16" s="758">
        <v>10943</v>
      </c>
      <c r="T16" s="758">
        <v>6182</v>
      </c>
      <c r="U16" s="758">
        <v>4761</v>
      </c>
      <c r="V16" s="758">
        <v>10405</v>
      </c>
      <c r="W16" s="755">
        <v>5794</v>
      </c>
      <c r="X16" s="755">
        <v>4611</v>
      </c>
    </row>
    <row r="17" spans="1:24" ht="16.5" customHeight="1">
      <c r="A17" s="729" t="s">
        <v>565</v>
      </c>
      <c r="B17" s="755">
        <v>95751</v>
      </c>
      <c r="C17" s="756" t="s">
        <v>675</v>
      </c>
      <c r="D17" s="757">
        <v>168</v>
      </c>
      <c r="E17" s="758">
        <v>101</v>
      </c>
      <c r="F17" s="757">
        <v>67</v>
      </c>
      <c r="G17" s="755">
        <v>-57</v>
      </c>
      <c r="H17" s="758">
        <v>-37</v>
      </c>
      <c r="I17" s="757">
        <v>-20</v>
      </c>
      <c r="J17" s="761" t="s">
        <v>44</v>
      </c>
      <c r="K17" s="762" t="s">
        <v>44</v>
      </c>
      <c r="L17" s="762" t="s">
        <v>44</v>
      </c>
      <c r="M17" s="770">
        <v>57</v>
      </c>
      <c r="N17" s="755">
        <v>37</v>
      </c>
      <c r="O17" s="758">
        <v>20</v>
      </c>
      <c r="P17" s="757">
        <v>225</v>
      </c>
      <c r="Q17" s="758">
        <v>138</v>
      </c>
      <c r="R17" s="757">
        <v>87</v>
      </c>
      <c r="S17" s="758">
        <v>7033</v>
      </c>
      <c r="T17" s="758">
        <v>4141</v>
      </c>
      <c r="U17" s="758">
        <v>2892</v>
      </c>
      <c r="V17" s="758">
        <v>6808</v>
      </c>
      <c r="W17" s="755">
        <v>4003</v>
      </c>
      <c r="X17" s="755">
        <v>2805</v>
      </c>
    </row>
    <row r="18" spans="1:24" ht="16.5" customHeight="1">
      <c r="A18" s="731"/>
      <c r="B18" s="755">
        <v>112996</v>
      </c>
      <c r="C18" s="756" t="s">
        <v>676</v>
      </c>
      <c r="D18" s="757">
        <v>145</v>
      </c>
      <c r="E18" s="758">
        <v>81</v>
      </c>
      <c r="F18" s="757">
        <v>64</v>
      </c>
      <c r="G18" s="755">
        <v>-113</v>
      </c>
      <c r="H18" s="758">
        <v>-75</v>
      </c>
      <c r="I18" s="757">
        <v>-38</v>
      </c>
      <c r="J18" s="761" t="s">
        <v>44</v>
      </c>
      <c r="K18" s="762" t="s">
        <v>44</v>
      </c>
      <c r="L18" s="762" t="s">
        <v>44</v>
      </c>
      <c r="M18" s="770">
        <v>113</v>
      </c>
      <c r="N18" s="755">
        <v>75</v>
      </c>
      <c r="O18" s="758">
        <v>38</v>
      </c>
      <c r="P18" s="757">
        <v>258</v>
      </c>
      <c r="Q18" s="758">
        <v>156</v>
      </c>
      <c r="R18" s="757">
        <v>102</v>
      </c>
      <c r="S18" s="755">
        <v>4918</v>
      </c>
      <c r="T18" s="758">
        <v>2937</v>
      </c>
      <c r="U18" s="758">
        <v>1981</v>
      </c>
      <c r="V18" s="758">
        <v>4660</v>
      </c>
      <c r="W18" s="755">
        <v>2781</v>
      </c>
      <c r="X18" s="755">
        <v>1879</v>
      </c>
    </row>
    <row r="19" spans="1:24" ht="16.5" customHeight="1">
      <c r="A19" s="731"/>
      <c r="B19" s="766">
        <v>135441</v>
      </c>
      <c r="C19" s="763" t="s">
        <v>607</v>
      </c>
      <c r="D19" s="764">
        <v>17</v>
      </c>
      <c r="E19" s="765">
        <v>-26</v>
      </c>
      <c r="F19" s="764">
        <v>43</v>
      </c>
      <c r="G19" s="766">
        <v>-201</v>
      </c>
      <c r="H19" s="765">
        <v>-134</v>
      </c>
      <c r="I19" s="764">
        <v>-67</v>
      </c>
      <c r="J19" s="767" t="s">
        <v>44</v>
      </c>
      <c r="K19" s="768" t="s">
        <v>44</v>
      </c>
      <c r="L19" s="768" t="s">
        <v>44</v>
      </c>
      <c r="M19" s="771">
        <v>201</v>
      </c>
      <c r="N19" s="766">
        <v>134</v>
      </c>
      <c r="O19" s="765">
        <v>67</v>
      </c>
      <c r="P19" s="764">
        <v>218</v>
      </c>
      <c r="Q19" s="765">
        <v>108</v>
      </c>
      <c r="R19" s="764">
        <v>110</v>
      </c>
      <c r="S19" s="765">
        <v>4104</v>
      </c>
      <c r="T19" s="765">
        <v>2441</v>
      </c>
      <c r="U19" s="765">
        <v>1663</v>
      </c>
      <c r="V19" s="755">
        <v>3886</v>
      </c>
      <c r="W19" s="766">
        <v>2333</v>
      </c>
      <c r="X19" s="766">
        <v>1553</v>
      </c>
    </row>
    <row r="20" spans="1:24" ht="16.5" customHeight="1">
      <c r="A20" s="731"/>
      <c r="B20" s="755">
        <v>118342</v>
      </c>
      <c r="C20" s="756" t="s">
        <v>677</v>
      </c>
      <c r="D20" s="757">
        <v>-128</v>
      </c>
      <c r="E20" s="758">
        <v>-133</v>
      </c>
      <c r="F20" s="757">
        <v>5</v>
      </c>
      <c r="G20" s="755">
        <v>-242</v>
      </c>
      <c r="H20" s="758">
        <v>-166</v>
      </c>
      <c r="I20" s="757">
        <v>-76</v>
      </c>
      <c r="J20" s="761" t="s">
        <v>44</v>
      </c>
      <c r="K20" s="762" t="s">
        <v>44</v>
      </c>
      <c r="L20" s="762" t="s">
        <v>44</v>
      </c>
      <c r="M20" s="770">
        <v>242</v>
      </c>
      <c r="N20" s="755">
        <v>166</v>
      </c>
      <c r="O20" s="758">
        <v>76</v>
      </c>
      <c r="P20" s="757">
        <v>114</v>
      </c>
      <c r="Q20" s="758">
        <v>33</v>
      </c>
      <c r="R20" s="757">
        <v>81</v>
      </c>
      <c r="S20" s="758">
        <v>2998</v>
      </c>
      <c r="T20" s="758">
        <v>1732</v>
      </c>
      <c r="U20" s="758">
        <v>1266</v>
      </c>
      <c r="V20" s="759">
        <v>2884</v>
      </c>
      <c r="W20" s="755">
        <v>1699</v>
      </c>
      <c r="X20" s="755">
        <v>1185</v>
      </c>
    </row>
    <row r="21" spans="1:24" ht="16.5" customHeight="1">
      <c r="A21" s="731"/>
      <c r="B21" s="755">
        <v>95130</v>
      </c>
      <c r="C21" s="756" t="s">
        <v>570</v>
      </c>
      <c r="D21" s="757">
        <v>-293</v>
      </c>
      <c r="E21" s="758">
        <v>-212</v>
      </c>
      <c r="F21" s="757">
        <v>-81</v>
      </c>
      <c r="G21" s="755">
        <v>-337</v>
      </c>
      <c r="H21" s="758">
        <v>-240</v>
      </c>
      <c r="I21" s="757">
        <v>-97</v>
      </c>
      <c r="J21" s="761" t="s">
        <v>44</v>
      </c>
      <c r="K21" s="762" t="s">
        <v>44</v>
      </c>
      <c r="L21" s="762" t="s">
        <v>44</v>
      </c>
      <c r="M21" s="770">
        <v>337</v>
      </c>
      <c r="N21" s="755">
        <v>240</v>
      </c>
      <c r="O21" s="758">
        <v>97</v>
      </c>
      <c r="P21" s="757">
        <v>44</v>
      </c>
      <c r="Q21" s="758">
        <v>28</v>
      </c>
      <c r="R21" s="757">
        <v>16</v>
      </c>
      <c r="S21" s="755">
        <v>2039</v>
      </c>
      <c r="T21" s="758">
        <v>1168</v>
      </c>
      <c r="U21" s="758">
        <v>871</v>
      </c>
      <c r="V21" s="758">
        <v>1995</v>
      </c>
      <c r="W21" s="755">
        <v>1140</v>
      </c>
      <c r="X21" s="755">
        <v>855</v>
      </c>
    </row>
    <row r="22" spans="1:24" ht="16.5" customHeight="1">
      <c r="A22" s="729" t="s">
        <v>571</v>
      </c>
      <c r="B22" s="755">
        <v>82959</v>
      </c>
      <c r="C22" s="756" t="s">
        <v>609</v>
      </c>
      <c r="D22" s="757">
        <v>-540</v>
      </c>
      <c r="E22" s="758">
        <v>-380</v>
      </c>
      <c r="F22" s="757">
        <v>-160</v>
      </c>
      <c r="G22" s="755">
        <v>-523</v>
      </c>
      <c r="H22" s="758">
        <v>-363</v>
      </c>
      <c r="I22" s="757">
        <v>-160</v>
      </c>
      <c r="J22" s="761" t="s">
        <v>44</v>
      </c>
      <c r="K22" s="762" t="s">
        <v>44</v>
      </c>
      <c r="L22" s="762" t="s">
        <v>44</v>
      </c>
      <c r="M22" s="770">
        <v>523</v>
      </c>
      <c r="N22" s="755">
        <v>363</v>
      </c>
      <c r="O22" s="758">
        <v>160</v>
      </c>
      <c r="P22" s="757">
        <v>-17</v>
      </c>
      <c r="Q22" s="758">
        <v>-17</v>
      </c>
      <c r="R22" s="757">
        <v>0</v>
      </c>
      <c r="S22" s="758">
        <v>1469</v>
      </c>
      <c r="T22" s="758">
        <v>854</v>
      </c>
      <c r="U22" s="758">
        <v>615</v>
      </c>
      <c r="V22" s="758">
        <v>1486</v>
      </c>
      <c r="W22" s="755">
        <v>871</v>
      </c>
      <c r="X22" s="755">
        <v>615</v>
      </c>
    </row>
    <row r="23" spans="1:24" ht="16.5" customHeight="1">
      <c r="A23" s="211"/>
      <c r="B23" s="755">
        <v>96923</v>
      </c>
      <c r="C23" s="756" t="s">
        <v>678</v>
      </c>
      <c r="D23" s="757">
        <v>-834</v>
      </c>
      <c r="E23" s="758">
        <v>-603</v>
      </c>
      <c r="F23" s="757">
        <v>-231</v>
      </c>
      <c r="G23" s="755">
        <v>-895</v>
      </c>
      <c r="H23" s="758">
        <v>-616</v>
      </c>
      <c r="I23" s="757">
        <v>-279</v>
      </c>
      <c r="J23" s="761" t="s">
        <v>44</v>
      </c>
      <c r="K23" s="762" t="s">
        <v>44</v>
      </c>
      <c r="L23" s="762" t="s">
        <v>44</v>
      </c>
      <c r="M23" s="770">
        <v>895</v>
      </c>
      <c r="N23" s="755">
        <v>616</v>
      </c>
      <c r="O23" s="758">
        <v>279</v>
      </c>
      <c r="P23" s="757">
        <v>61</v>
      </c>
      <c r="Q23" s="758">
        <v>13</v>
      </c>
      <c r="R23" s="757">
        <v>48</v>
      </c>
      <c r="S23" s="758">
        <v>1281</v>
      </c>
      <c r="T23" s="758">
        <v>684</v>
      </c>
      <c r="U23" s="758">
        <v>597</v>
      </c>
      <c r="V23" s="755">
        <v>1220</v>
      </c>
      <c r="W23" s="755">
        <v>671</v>
      </c>
      <c r="X23" s="755">
        <v>549</v>
      </c>
    </row>
    <row r="24" spans="1:24" ht="16.5" customHeight="1">
      <c r="A24" s="211"/>
      <c r="B24" s="766">
        <v>106268</v>
      </c>
      <c r="C24" s="763" t="s">
        <v>679</v>
      </c>
      <c r="D24" s="764">
        <v>-1287</v>
      </c>
      <c r="E24" s="765">
        <v>-888</v>
      </c>
      <c r="F24" s="764">
        <v>-399</v>
      </c>
      <c r="G24" s="766">
        <v>-1464</v>
      </c>
      <c r="H24" s="765">
        <v>-976</v>
      </c>
      <c r="I24" s="764">
        <v>-488</v>
      </c>
      <c r="J24" s="767" t="s">
        <v>44</v>
      </c>
      <c r="K24" s="768" t="s">
        <v>44</v>
      </c>
      <c r="L24" s="768" t="s">
        <v>44</v>
      </c>
      <c r="M24" s="771">
        <v>1464</v>
      </c>
      <c r="N24" s="766">
        <v>976</v>
      </c>
      <c r="O24" s="765">
        <v>488</v>
      </c>
      <c r="P24" s="764">
        <v>177</v>
      </c>
      <c r="Q24" s="765">
        <v>88</v>
      </c>
      <c r="R24" s="764">
        <v>89</v>
      </c>
      <c r="S24" s="758">
        <v>1130</v>
      </c>
      <c r="T24" s="765">
        <v>551</v>
      </c>
      <c r="U24" s="765">
        <v>579</v>
      </c>
      <c r="V24" s="758">
        <v>953</v>
      </c>
      <c r="W24" s="766">
        <v>463</v>
      </c>
      <c r="X24" s="766">
        <v>490</v>
      </c>
    </row>
    <row r="25" spans="1:24" ht="16.5" customHeight="1">
      <c r="A25" s="211"/>
      <c r="B25" s="755">
        <v>92191</v>
      </c>
      <c r="C25" s="756" t="s">
        <v>680</v>
      </c>
      <c r="D25" s="757">
        <v>-1987</v>
      </c>
      <c r="E25" s="758">
        <v>-1331</v>
      </c>
      <c r="F25" s="757">
        <v>-656</v>
      </c>
      <c r="G25" s="755">
        <v>-2118</v>
      </c>
      <c r="H25" s="758">
        <v>-1373</v>
      </c>
      <c r="I25" s="757">
        <v>-745</v>
      </c>
      <c r="J25" s="761" t="s">
        <v>44</v>
      </c>
      <c r="K25" s="762" t="s">
        <v>44</v>
      </c>
      <c r="L25" s="762" t="s">
        <v>44</v>
      </c>
      <c r="M25" s="770">
        <v>2118</v>
      </c>
      <c r="N25" s="755">
        <v>1373</v>
      </c>
      <c r="O25" s="758">
        <v>745</v>
      </c>
      <c r="P25" s="757">
        <v>131</v>
      </c>
      <c r="Q25" s="758">
        <v>42</v>
      </c>
      <c r="R25" s="757">
        <v>89</v>
      </c>
      <c r="S25" s="759">
        <v>903</v>
      </c>
      <c r="T25" s="758">
        <v>397</v>
      </c>
      <c r="U25" s="758">
        <v>506</v>
      </c>
      <c r="V25" s="759">
        <v>772</v>
      </c>
      <c r="W25" s="755">
        <v>355</v>
      </c>
      <c r="X25" s="755">
        <v>417</v>
      </c>
    </row>
    <row r="26" spans="1:24" ht="16.5" customHeight="1">
      <c r="A26" s="211"/>
      <c r="B26" s="755">
        <v>58444</v>
      </c>
      <c r="C26" s="756" t="s">
        <v>613</v>
      </c>
      <c r="D26" s="757">
        <v>-2253</v>
      </c>
      <c r="E26" s="758">
        <v>-1399</v>
      </c>
      <c r="F26" s="757">
        <v>-854</v>
      </c>
      <c r="G26" s="755">
        <v>-2412</v>
      </c>
      <c r="H26" s="758">
        <v>-1443</v>
      </c>
      <c r="I26" s="757">
        <v>-969</v>
      </c>
      <c r="J26" s="761" t="s">
        <v>44</v>
      </c>
      <c r="K26" s="762" t="s">
        <v>44</v>
      </c>
      <c r="L26" s="762" t="s">
        <v>44</v>
      </c>
      <c r="M26" s="770">
        <v>2412</v>
      </c>
      <c r="N26" s="755">
        <v>1443</v>
      </c>
      <c r="O26" s="758">
        <v>969</v>
      </c>
      <c r="P26" s="757">
        <v>159</v>
      </c>
      <c r="Q26" s="758">
        <v>44</v>
      </c>
      <c r="R26" s="757">
        <v>115</v>
      </c>
      <c r="S26" s="758">
        <v>799</v>
      </c>
      <c r="T26" s="758">
        <v>273</v>
      </c>
      <c r="U26" s="758">
        <v>526</v>
      </c>
      <c r="V26" s="758">
        <v>640</v>
      </c>
      <c r="W26" s="755">
        <v>229</v>
      </c>
      <c r="X26" s="755">
        <v>411</v>
      </c>
    </row>
    <row r="27" spans="1:24" ht="16.5" customHeight="1">
      <c r="A27" s="211"/>
      <c r="B27" s="755">
        <v>32047</v>
      </c>
      <c r="C27" s="756" t="s">
        <v>614</v>
      </c>
      <c r="D27" s="757">
        <v>-2291</v>
      </c>
      <c r="E27" s="758">
        <v>-1212</v>
      </c>
      <c r="F27" s="757">
        <v>-1079</v>
      </c>
      <c r="G27" s="755">
        <v>-2487</v>
      </c>
      <c r="H27" s="758">
        <v>-1240</v>
      </c>
      <c r="I27" s="757">
        <v>-1247</v>
      </c>
      <c r="J27" s="761" t="s">
        <v>44</v>
      </c>
      <c r="K27" s="762" t="s">
        <v>44</v>
      </c>
      <c r="L27" s="762" t="s">
        <v>44</v>
      </c>
      <c r="M27" s="770">
        <v>2487</v>
      </c>
      <c r="N27" s="755">
        <v>1240</v>
      </c>
      <c r="O27" s="758">
        <v>1247</v>
      </c>
      <c r="P27" s="757">
        <v>196</v>
      </c>
      <c r="Q27" s="758">
        <v>28</v>
      </c>
      <c r="R27" s="757">
        <v>168</v>
      </c>
      <c r="S27" s="758">
        <v>684</v>
      </c>
      <c r="T27" s="758">
        <v>193</v>
      </c>
      <c r="U27" s="758">
        <v>491</v>
      </c>
      <c r="V27" s="758">
        <v>488</v>
      </c>
      <c r="W27" s="755">
        <v>165</v>
      </c>
      <c r="X27" s="755">
        <v>323</v>
      </c>
    </row>
    <row r="28" spans="1:24" ht="16.5" customHeight="1">
      <c r="A28" s="211"/>
      <c r="B28" s="755">
        <v>14063</v>
      </c>
      <c r="C28" s="756" t="s">
        <v>681</v>
      </c>
      <c r="D28" s="757">
        <v>-1797</v>
      </c>
      <c r="E28" s="758">
        <v>-700</v>
      </c>
      <c r="F28" s="757">
        <v>-1097</v>
      </c>
      <c r="G28" s="755">
        <v>-1900</v>
      </c>
      <c r="H28" s="758">
        <v>-721</v>
      </c>
      <c r="I28" s="757">
        <v>-1179</v>
      </c>
      <c r="J28" s="761" t="s">
        <v>44</v>
      </c>
      <c r="K28" s="762" t="s">
        <v>44</v>
      </c>
      <c r="L28" s="762" t="s">
        <v>44</v>
      </c>
      <c r="M28" s="770">
        <v>1900</v>
      </c>
      <c r="N28" s="755">
        <v>721</v>
      </c>
      <c r="O28" s="758">
        <v>1179</v>
      </c>
      <c r="P28" s="757">
        <v>103</v>
      </c>
      <c r="Q28" s="758">
        <v>21</v>
      </c>
      <c r="R28" s="757">
        <v>82</v>
      </c>
      <c r="S28" s="758">
        <v>322</v>
      </c>
      <c r="T28" s="758">
        <v>82</v>
      </c>
      <c r="U28" s="758">
        <v>240</v>
      </c>
      <c r="V28" s="755">
        <v>219</v>
      </c>
      <c r="W28" s="755">
        <v>61</v>
      </c>
      <c r="X28" s="755">
        <v>158</v>
      </c>
    </row>
    <row r="29" spans="1:24" ht="16.5" customHeight="1">
      <c r="A29" s="211"/>
      <c r="B29" s="766">
        <v>3879</v>
      </c>
      <c r="C29" s="763" t="s">
        <v>579</v>
      </c>
      <c r="D29" s="764">
        <v>-876</v>
      </c>
      <c r="E29" s="765">
        <v>-209</v>
      </c>
      <c r="F29" s="764">
        <v>-667</v>
      </c>
      <c r="G29" s="766">
        <v>-910</v>
      </c>
      <c r="H29" s="765">
        <v>-217</v>
      </c>
      <c r="I29" s="764">
        <v>-693</v>
      </c>
      <c r="J29" s="767" t="s">
        <v>44</v>
      </c>
      <c r="K29" s="768" t="s">
        <v>44</v>
      </c>
      <c r="L29" s="768" t="s">
        <v>44</v>
      </c>
      <c r="M29" s="770">
        <v>910</v>
      </c>
      <c r="N29" s="766">
        <v>217</v>
      </c>
      <c r="O29" s="765">
        <v>693</v>
      </c>
      <c r="P29" s="764">
        <v>34</v>
      </c>
      <c r="Q29" s="765">
        <v>8</v>
      </c>
      <c r="R29" s="764">
        <v>26</v>
      </c>
      <c r="S29" s="758">
        <v>112</v>
      </c>
      <c r="T29" s="765">
        <v>22</v>
      </c>
      <c r="U29" s="765">
        <v>90</v>
      </c>
      <c r="V29" s="765">
        <v>78</v>
      </c>
      <c r="W29" s="766">
        <v>14</v>
      </c>
      <c r="X29" s="766">
        <v>64</v>
      </c>
    </row>
    <row r="30" spans="1:24" ht="16.5" customHeight="1">
      <c r="A30" s="211"/>
      <c r="B30" s="778">
        <v>828</v>
      </c>
      <c r="C30" s="763" t="s">
        <v>616</v>
      </c>
      <c r="D30" s="771">
        <v>-237</v>
      </c>
      <c r="E30" s="765">
        <v>-32</v>
      </c>
      <c r="F30" s="766">
        <v>-205</v>
      </c>
      <c r="G30" s="766">
        <v>-242</v>
      </c>
      <c r="H30" s="765">
        <v>-34</v>
      </c>
      <c r="I30" s="764">
        <v>-208</v>
      </c>
      <c r="J30" s="767" t="s">
        <v>44</v>
      </c>
      <c r="K30" s="768" t="s">
        <v>44</v>
      </c>
      <c r="L30" s="768" t="s">
        <v>44</v>
      </c>
      <c r="M30" s="777">
        <v>242</v>
      </c>
      <c r="N30" s="766">
        <v>34</v>
      </c>
      <c r="O30" s="765">
        <v>208</v>
      </c>
      <c r="P30" s="764">
        <v>5</v>
      </c>
      <c r="Q30" s="765">
        <v>2</v>
      </c>
      <c r="R30" s="766">
        <v>3</v>
      </c>
      <c r="S30" s="773">
        <v>13</v>
      </c>
      <c r="T30" s="765">
        <v>3</v>
      </c>
      <c r="U30" s="765">
        <v>10</v>
      </c>
      <c r="V30" s="765">
        <v>8</v>
      </c>
      <c r="W30" s="766">
        <v>1</v>
      </c>
      <c r="X30" s="766">
        <v>7</v>
      </c>
    </row>
    <row r="31" spans="1:24" ht="16.5" customHeight="1">
      <c r="A31" s="211"/>
      <c r="B31" s="834">
        <v>11677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4" t="s">
        <v>44</v>
      </c>
      <c r="M31" s="780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187872</v>
      </c>
      <c r="C32" s="756" t="s">
        <v>497</v>
      </c>
      <c r="D32" s="757">
        <v>11108</v>
      </c>
      <c r="E32" s="758">
        <v>5632</v>
      </c>
      <c r="F32" s="757">
        <v>5476</v>
      </c>
      <c r="G32" s="755">
        <v>10641</v>
      </c>
      <c r="H32" s="758">
        <v>5401</v>
      </c>
      <c r="I32" s="757">
        <v>5240</v>
      </c>
      <c r="J32" s="755">
        <v>10688</v>
      </c>
      <c r="K32" s="758">
        <v>5423</v>
      </c>
      <c r="L32" s="758">
        <v>5265</v>
      </c>
      <c r="M32" s="757">
        <v>47</v>
      </c>
      <c r="N32" s="758">
        <v>22</v>
      </c>
      <c r="O32" s="770">
        <v>25</v>
      </c>
      <c r="P32" s="757">
        <v>467</v>
      </c>
      <c r="Q32" s="758">
        <v>231</v>
      </c>
      <c r="R32" s="757">
        <v>236</v>
      </c>
      <c r="S32" s="755">
        <v>7626</v>
      </c>
      <c r="T32" s="758">
        <v>3917</v>
      </c>
      <c r="U32" s="770">
        <v>3709</v>
      </c>
      <c r="V32" s="757">
        <v>7159</v>
      </c>
      <c r="W32" s="758">
        <v>3686</v>
      </c>
      <c r="X32" s="757">
        <v>3473</v>
      </c>
    </row>
    <row r="33" spans="1:24" ht="16.5" customHeight="1">
      <c r="A33" s="211"/>
      <c r="B33" s="755">
        <v>972748</v>
      </c>
      <c r="C33" s="756" t="s">
        <v>582</v>
      </c>
      <c r="D33" s="757">
        <v>3626</v>
      </c>
      <c r="E33" s="758">
        <v>2138</v>
      </c>
      <c r="F33" s="757">
        <v>1488</v>
      </c>
      <c r="G33" s="755">
        <v>-1596</v>
      </c>
      <c r="H33" s="758">
        <v>-1112</v>
      </c>
      <c r="I33" s="757">
        <v>-484</v>
      </c>
      <c r="J33" s="761" t="s">
        <v>44</v>
      </c>
      <c r="K33" s="762" t="s">
        <v>44</v>
      </c>
      <c r="L33" s="762" t="s">
        <v>44</v>
      </c>
      <c r="M33" s="757">
        <v>1596</v>
      </c>
      <c r="N33" s="758">
        <v>1112</v>
      </c>
      <c r="O33" s="770">
        <v>484</v>
      </c>
      <c r="P33" s="757">
        <v>5222</v>
      </c>
      <c r="Q33" s="758">
        <v>3250</v>
      </c>
      <c r="R33" s="757">
        <v>1972</v>
      </c>
      <c r="S33" s="755">
        <v>67108</v>
      </c>
      <c r="T33" s="758">
        <v>37664</v>
      </c>
      <c r="U33" s="770">
        <v>29444</v>
      </c>
      <c r="V33" s="757">
        <v>61886</v>
      </c>
      <c r="W33" s="758">
        <v>34414</v>
      </c>
      <c r="X33" s="757">
        <v>27472</v>
      </c>
    </row>
    <row r="34" spans="1:24" ht="16.5" customHeight="1" thickBot="1">
      <c r="A34" s="211"/>
      <c r="B34" s="755">
        <v>404643</v>
      </c>
      <c r="C34" s="756" t="s">
        <v>682</v>
      </c>
      <c r="D34" s="757">
        <v>-11562</v>
      </c>
      <c r="E34" s="758">
        <v>-6374</v>
      </c>
      <c r="F34" s="757">
        <v>-5188</v>
      </c>
      <c r="G34" s="755">
        <v>-12428</v>
      </c>
      <c r="H34" s="758">
        <v>-6620</v>
      </c>
      <c r="I34" s="757">
        <v>-5808</v>
      </c>
      <c r="J34" s="761" t="s">
        <v>44</v>
      </c>
      <c r="K34" s="762" t="s">
        <v>44</v>
      </c>
      <c r="L34" s="762" t="s">
        <v>44</v>
      </c>
      <c r="M34" s="757">
        <v>12428</v>
      </c>
      <c r="N34" s="758">
        <v>6620</v>
      </c>
      <c r="O34" s="770">
        <v>5808</v>
      </c>
      <c r="P34" s="757">
        <v>866</v>
      </c>
      <c r="Q34" s="758">
        <v>246</v>
      </c>
      <c r="R34" s="757">
        <v>620</v>
      </c>
      <c r="S34" s="755">
        <v>5244</v>
      </c>
      <c r="T34" s="758">
        <v>2205</v>
      </c>
      <c r="U34" s="770">
        <v>3039</v>
      </c>
      <c r="V34" s="757">
        <v>4378</v>
      </c>
      <c r="W34" s="758">
        <v>1959</v>
      </c>
      <c r="X34" s="757">
        <v>2419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451</v>
      </c>
      <c r="F36" s="792" t="s">
        <v>451</v>
      </c>
      <c r="G36" s="794" t="s">
        <v>451</v>
      </c>
      <c r="H36" s="793" t="s">
        <v>364</v>
      </c>
      <c r="I36" s="792" t="s">
        <v>451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364</v>
      </c>
      <c r="Q36" s="793" t="s">
        <v>364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7</v>
      </c>
      <c r="C38" s="756" t="s">
        <v>670</v>
      </c>
      <c r="D38" s="803" t="s">
        <v>364</v>
      </c>
      <c r="E38" s="804" t="s">
        <v>451</v>
      </c>
      <c r="F38" s="803" t="s">
        <v>683</v>
      </c>
      <c r="G38" s="805" t="s">
        <v>451</v>
      </c>
      <c r="H38" s="804" t="s">
        <v>364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.2</v>
      </c>
      <c r="N38" s="809">
        <v>0.2</v>
      </c>
      <c r="O38" s="810">
        <v>0.3</v>
      </c>
      <c r="P38" s="805" t="s">
        <v>684</v>
      </c>
      <c r="Q38" s="804" t="s">
        <v>364</v>
      </c>
      <c r="R38" s="803" t="s">
        <v>684</v>
      </c>
      <c r="S38" s="811">
        <v>5.6</v>
      </c>
      <c r="T38" s="809">
        <v>5.3</v>
      </c>
      <c r="U38" s="810">
        <v>6</v>
      </c>
      <c r="V38" s="808">
        <v>5.6</v>
      </c>
      <c r="W38" s="809">
        <v>5.3</v>
      </c>
      <c r="X38" s="808">
        <v>5.9</v>
      </c>
    </row>
    <row r="39" spans="1:24" ht="16.5" customHeight="1">
      <c r="A39" s="211"/>
      <c r="B39" s="802">
        <v>4</v>
      </c>
      <c r="C39" s="756" t="s">
        <v>638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.1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2.5</v>
      </c>
      <c r="T39" s="809">
        <v>2.4</v>
      </c>
      <c r="U39" s="810">
        <v>2.7</v>
      </c>
      <c r="V39" s="808">
        <v>2.8</v>
      </c>
      <c r="W39" s="809">
        <v>2.7</v>
      </c>
      <c r="X39" s="808">
        <v>2.9</v>
      </c>
    </row>
    <row r="40" spans="1:24" ht="16.5" customHeight="1">
      <c r="A40" s="211"/>
      <c r="B40" s="802">
        <v>4.3</v>
      </c>
      <c r="C40" s="756" t="s">
        <v>685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.1</v>
      </c>
      <c r="P40" s="805" t="s">
        <v>44</v>
      </c>
      <c r="Q40" s="804" t="s">
        <v>44</v>
      </c>
      <c r="R40" s="803" t="s">
        <v>44</v>
      </c>
      <c r="S40" s="811">
        <v>1.4</v>
      </c>
      <c r="T40" s="809">
        <v>1.3</v>
      </c>
      <c r="U40" s="810">
        <v>1.6</v>
      </c>
      <c r="V40" s="808">
        <v>1.4</v>
      </c>
      <c r="W40" s="809">
        <v>1.3</v>
      </c>
      <c r="X40" s="808">
        <v>1.6</v>
      </c>
    </row>
    <row r="41" spans="1:24" ht="16.5" customHeight="1">
      <c r="A41" s="211"/>
      <c r="B41" s="802">
        <v>4.5999999999999996</v>
      </c>
      <c r="C41" s="756" t="s">
        <v>476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2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4.0999999999999996</v>
      </c>
      <c r="T41" s="809">
        <v>3.9</v>
      </c>
      <c r="U41" s="810">
        <v>4.3</v>
      </c>
      <c r="V41" s="808">
        <v>2.9</v>
      </c>
      <c r="W41" s="809">
        <v>2.8</v>
      </c>
      <c r="X41" s="808">
        <v>2.9</v>
      </c>
    </row>
    <row r="42" spans="1:24" ht="16.5" customHeight="1">
      <c r="A42" s="211"/>
      <c r="B42" s="800">
        <v>5.7</v>
      </c>
      <c r="C42" s="763" t="s">
        <v>686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2</v>
      </c>
      <c r="N42" s="816">
        <v>0.3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7.7</v>
      </c>
      <c r="T42" s="816">
        <v>17.3</v>
      </c>
      <c r="U42" s="817">
        <v>18.2</v>
      </c>
      <c r="V42" s="815">
        <v>16.8</v>
      </c>
      <c r="W42" s="816">
        <v>16</v>
      </c>
      <c r="X42" s="815">
        <v>17.8</v>
      </c>
    </row>
    <row r="43" spans="1:24" ht="16.5" customHeight="1">
      <c r="A43" s="211"/>
      <c r="B43" s="802">
        <v>5.6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2</v>
      </c>
      <c r="N43" s="809">
        <v>0.4</v>
      </c>
      <c r="O43" s="810">
        <v>0</v>
      </c>
      <c r="P43" s="805" t="s">
        <v>44</v>
      </c>
      <c r="Q43" s="804" t="s">
        <v>44</v>
      </c>
      <c r="R43" s="803" t="s">
        <v>44</v>
      </c>
      <c r="S43" s="811">
        <v>20.2</v>
      </c>
      <c r="T43" s="809">
        <v>20.399999999999999</v>
      </c>
      <c r="U43" s="810">
        <v>20</v>
      </c>
      <c r="V43" s="808">
        <v>20.9</v>
      </c>
      <c r="W43" s="809">
        <v>20.6</v>
      </c>
      <c r="X43" s="808">
        <v>21.1</v>
      </c>
    </row>
    <row r="44" spans="1:24" ht="16.5" customHeight="1">
      <c r="A44" s="729" t="s">
        <v>586</v>
      </c>
      <c r="B44" s="802">
        <v>5.4</v>
      </c>
      <c r="C44" s="756" t="s">
        <v>687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3</v>
      </c>
      <c r="N44" s="809">
        <v>0.4</v>
      </c>
      <c r="O44" s="810">
        <v>0.2</v>
      </c>
      <c r="P44" s="805" t="s">
        <v>44</v>
      </c>
      <c r="Q44" s="804" t="s">
        <v>44</v>
      </c>
      <c r="R44" s="803" t="s">
        <v>44</v>
      </c>
      <c r="S44" s="811">
        <v>13.7</v>
      </c>
      <c r="T44" s="809">
        <v>14.1</v>
      </c>
      <c r="U44" s="810">
        <v>13.2</v>
      </c>
      <c r="V44" s="808">
        <v>14.2</v>
      </c>
      <c r="W44" s="809">
        <v>14.5</v>
      </c>
      <c r="X44" s="808">
        <v>13.8</v>
      </c>
    </row>
    <row r="45" spans="1:24" ht="16.5" customHeight="1">
      <c r="A45" s="729"/>
      <c r="B45" s="802">
        <v>6.1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4</v>
      </c>
      <c r="N45" s="809">
        <v>0.5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8.8000000000000007</v>
      </c>
      <c r="T45" s="809">
        <v>9.5</v>
      </c>
      <c r="U45" s="810">
        <v>8</v>
      </c>
      <c r="V45" s="808">
        <v>9.3000000000000007</v>
      </c>
      <c r="W45" s="809">
        <v>10</v>
      </c>
      <c r="X45" s="808">
        <v>8.4</v>
      </c>
    </row>
    <row r="46" spans="1:24" ht="16.5" customHeight="1">
      <c r="A46" s="731"/>
      <c r="B46" s="802">
        <v>7.2</v>
      </c>
      <c r="C46" s="756" t="s">
        <v>567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8</v>
      </c>
      <c r="N46" s="809">
        <v>1</v>
      </c>
      <c r="O46" s="810">
        <v>0.6</v>
      </c>
      <c r="P46" s="805" t="s">
        <v>44</v>
      </c>
      <c r="Q46" s="804" t="s">
        <v>44</v>
      </c>
      <c r="R46" s="803" t="s">
        <v>44</v>
      </c>
      <c r="S46" s="811">
        <v>6.1</v>
      </c>
      <c r="T46" s="809">
        <v>6.7</v>
      </c>
      <c r="U46" s="810">
        <v>5.5</v>
      </c>
      <c r="V46" s="808">
        <v>6.3</v>
      </c>
      <c r="W46" s="809">
        <v>6.9</v>
      </c>
      <c r="X46" s="808">
        <v>5.6</v>
      </c>
    </row>
    <row r="47" spans="1:24" ht="16.5" customHeight="1">
      <c r="A47" s="731"/>
      <c r="B47" s="800">
        <v>8.6999999999999993</v>
      </c>
      <c r="C47" s="763" t="s">
        <v>634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4</v>
      </c>
      <c r="N47" s="816">
        <v>1.7</v>
      </c>
      <c r="O47" s="817">
        <v>1.1000000000000001</v>
      </c>
      <c r="P47" s="812" t="s">
        <v>44</v>
      </c>
      <c r="Q47" s="813" t="s">
        <v>44</v>
      </c>
      <c r="R47" s="814" t="s">
        <v>44</v>
      </c>
      <c r="S47" s="818">
        <v>5.0999999999999996</v>
      </c>
      <c r="T47" s="816">
        <v>5.6</v>
      </c>
      <c r="U47" s="817">
        <v>4.5999999999999996</v>
      </c>
      <c r="V47" s="815">
        <v>5.3</v>
      </c>
      <c r="W47" s="816">
        <v>5.8</v>
      </c>
      <c r="X47" s="815">
        <v>4.7</v>
      </c>
    </row>
    <row r="48" spans="1:24" ht="16.5" customHeight="1">
      <c r="A48" s="729" t="s">
        <v>520</v>
      </c>
      <c r="B48" s="802">
        <v>7.6</v>
      </c>
      <c r="C48" s="756" t="s">
        <v>608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7</v>
      </c>
      <c r="N48" s="809">
        <v>2.1</v>
      </c>
      <c r="O48" s="810">
        <v>1.2</v>
      </c>
      <c r="P48" s="805" t="s">
        <v>44</v>
      </c>
      <c r="Q48" s="804" t="s">
        <v>44</v>
      </c>
      <c r="R48" s="803" t="s">
        <v>44</v>
      </c>
      <c r="S48" s="811">
        <v>3.7</v>
      </c>
      <c r="T48" s="809">
        <v>4</v>
      </c>
      <c r="U48" s="810">
        <v>3.5</v>
      </c>
      <c r="V48" s="808">
        <v>3.9</v>
      </c>
      <c r="W48" s="809">
        <v>4.2</v>
      </c>
      <c r="X48" s="808">
        <v>3.6</v>
      </c>
    </row>
    <row r="49" spans="1:24" ht="16.5" customHeight="1">
      <c r="A49" s="731"/>
      <c r="B49" s="802">
        <v>6.1</v>
      </c>
      <c r="C49" s="756" t="s">
        <v>57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.4</v>
      </c>
      <c r="N49" s="809">
        <v>3.1</v>
      </c>
      <c r="O49" s="810">
        <v>1.5</v>
      </c>
      <c r="P49" s="805" t="s">
        <v>44</v>
      </c>
      <c r="Q49" s="804" t="s">
        <v>44</v>
      </c>
      <c r="R49" s="803" t="s">
        <v>44</v>
      </c>
      <c r="S49" s="811">
        <v>2.5</v>
      </c>
      <c r="T49" s="809">
        <v>2.7</v>
      </c>
      <c r="U49" s="810">
        <v>2.4</v>
      </c>
      <c r="V49" s="808">
        <v>2.7</v>
      </c>
      <c r="W49" s="809">
        <v>2.8</v>
      </c>
      <c r="X49" s="808">
        <v>2.6</v>
      </c>
    </row>
    <row r="50" spans="1:24" ht="16.5" customHeight="1">
      <c r="A50" s="729"/>
      <c r="B50" s="802">
        <v>5.3</v>
      </c>
      <c r="C50" s="756" t="s">
        <v>609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3.7</v>
      </c>
      <c r="N50" s="809">
        <v>4.7</v>
      </c>
      <c r="O50" s="810">
        <v>2.5</v>
      </c>
      <c r="P50" s="805" t="s">
        <v>44</v>
      </c>
      <c r="Q50" s="804" t="s">
        <v>44</v>
      </c>
      <c r="R50" s="803" t="s">
        <v>44</v>
      </c>
      <c r="S50" s="811">
        <v>1.8</v>
      </c>
      <c r="T50" s="809">
        <v>2</v>
      </c>
      <c r="U50" s="810">
        <v>1.7</v>
      </c>
      <c r="V50" s="808">
        <v>2</v>
      </c>
      <c r="W50" s="809">
        <v>2.2000000000000002</v>
      </c>
      <c r="X50" s="808">
        <v>1.8</v>
      </c>
    </row>
    <row r="51" spans="1:24" ht="16.5" customHeight="1">
      <c r="A51" s="731"/>
      <c r="B51" s="802">
        <v>6.2</v>
      </c>
      <c r="C51" s="756" t="s">
        <v>610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6.4</v>
      </c>
      <c r="N51" s="809">
        <v>7.9</v>
      </c>
      <c r="O51" s="810">
        <v>4.4000000000000004</v>
      </c>
      <c r="P51" s="805" t="s">
        <v>44</v>
      </c>
      <c r="Q51" s="804" t="s">
        <v>44</v>
      </c>
      <c r="R51" s="803" t="s">
        <v>44</v>
      </c>
      <c r="S51" s="811">
        <v>1.6</v>
      </c>
      <c r="T51" s="809">
        <v>1.6</v>
      </c>
      <c r="U51" s="810">
        <v>1.6</v>
      </c>
      <c r="V51" s="808">
        <v>1.7</v>
      </c>
      <c r="W51" s="809">
        <v>1.7</v>
      </c>
      <c r="X51" s="808">
        <v>1.6</v>
      </c>
    </row>
    <row r="52" spans="1:24" ht="16.5" customHeight="1">
      <c r="A52" s="729" t="s">
        <v>589</v>
      </c>
      <c r="B52" s="800">
        <v>6.8</v>
      </c>
      <c r="C52" s="763" t="s">
        <v>679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10.4</v>
      </c>
      <c r="N52" s="816">
        <v>12.6</v>
      </c>
      <c r="O52" s="817">
        <v>7.7</v>
      </c>
      <c r="P52" s="812" t="s">
        <v>44</v>
      </c>
      <c r="Q52" s="813" t="s">
        <v>44</v>
      </c>
      <c r="R52" s="814" t="s">
        <v>44</v>
      </c>
      <c r="S52" s="818">
        <v>1.4</v>
      </c>
      <c r="T52" s="816">
        <v>1.3</v>
      </c>
      <c r="U52" s="817">
        <v>1.6</v>
      </c>
      <c r="V52" s="815">
        <v>1.3</v>
      </c>
      <c r="W52" s="816">
        <v>1.2</v>
      </c>
      <c r="X52" s="815">
        <v>1.5</v>
      </c>
    </row>
    <row r="53" spans="1:24" ht="16.5" customHeight="1">
      <c r="A53" s="211"/>
      <c r="B53" s="802">
        <v>5.9</v>
      </c>
      <c r="C53" s="756" t="s">
        <v>624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5.1</v>
      </c>
      <c r="N53" s="809">
        <v>17.7</v>
      </c>
      <c r="O53" s="810">
        <v>11.8</v>
      </c>
      <c r="P53" s="805" t="s">
        <v>44</v>
      </c>
      <c r="Q53" s="804" t="s">
        <v>44</v>
      </c>
      <c r="R53" s="803" t="s">
        <v>44</v>
      </c>
      <c r="S53" s="811">
        <v>1.1000000000000001</v>
      </c>
      <c r="T53" s="809">
        <v>0.9</v>
      </c>
      <c r="U53" s="810">
        <v>1.4</v>
      </c>
      <c r="V53" s="808">
        <v>1.1000000000000001</v>
      </c>
      <c r="W53" s="809">
        <v>0.9</v>
      </c>
      <c r="X53" s="808">
        <v>1.2</v>
      </c>
    </row>
    <row r="54" spans="1:24" ht="16.5" customHeight="1">
      <c r="A54" s="211"/>
      <c r="B54" s="802">
        <v>3.7</v>
      </c>
      <c r="C54" s="756" t="s">
        <v>688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7.100000000000001</v>
      </c>
      <c r="N54" s="809">
        <v>18.600000000000001</v>
      </c>
      <c r="O54" s="810">
        <v>15.3</v>
      </c>
      <c r="P54" s="805" t="s">
        <v>44</v>
      </c>
      <c r="Q54" s="804" t="s">
        <v>44</v>
      </c>
      <c r="R54" s="803" t="s">
        <v>44</v>
      </c>
      <c r="S54" s="811">
        <v>1</v>
      </c>
      <c r="T54" s="809">
        <v>0.6</v>
      </c>
      <c r="U54" s="810">
        <v>1.5</v>
      </c>
      <c r="V54" s="808">
        <v>0.9</v>
      </c>
      <c r="W54" s="809">
        <v>0.6</v>
      </c>
      <c r="X54" s="808">
        <v>1.2</v>
      </c>
    </row>
    <row r="55" spans="1:24" ht="16.5" customHeight="1">
      <c r="A55" s="211"/>
      <c r="B55" s="802">
        <v>2</v>
      </c>
      <c r="C55" s="756" t="s">
        <v>635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17.7</v>
      </c>
      <c r="N55" s="809">
        <v>16</v>
      </c>
      <c r="O55" s="810">
        <v>19.7</v>
      </c>
      <c r="P55" s="805" t="s">
        <v>44</v>
      </c>
      <c r="Q55" s="804" t="s">
        <v>44</v>
      </c>
      <c r="R55" s="803" t="s">
        <v>44</v>
      </c>
      <c r="S55" s="811">
        <v>0.9</v>
      </c>
      <c r="T55" s="809">
        <v>0.4</v>
      </c>
      <c r="U55" s="810">
        <v>1.4</v>
      </c>
      <c r="V55" s="808">
        <v>0.7</v>
      </c>
      <c r="W55" s="809">
        <v>0.4</v>
      </c>
      <c r="X55" s="808">
        <v>1</v>
      </c>
    </row>
    <row r="56" spans="1:24" ht="16.5" customHeight="1">
      <c r="A56" s="211"/>
      <c r="B56" s="802">
        <v>0.9</v>
      </c>
      <c r="C56" s="756" t="s">
        <v>681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3.5</v>
      </c>
      <c r="N56" s="809">
        <v>9.3000000000000007</v>
      </c>
      <c r="O56" s="810">
        <v>18.7</v>
      </c>
      <c r="P56" s="805" t="s">
        <v>44</v>
      </c>
      <c r="Q56" s="804" t="s">
        <v>44</v>
      </c>
      <c r="R56" s="803" t="s">
        <v>44</v>
      </c>
      <c r="S56" s="811">
        <v>0.4</v>
      </c>
      <c r="T56" s="809">
        <v>0.2</v>
      </c>
      <c r="U56" s="810">
        <v>0.7</v>
      </c>
      <c r="V56" s="808">
        <v>0.3</v>
      </c>
      <c r="W56" s="809">
        <v>0.2</v>
      </c>
      <c r="X56" s="808">
        <v>0.5</v>
      </c>
    </row>
    <row r="57" spans="1:24" ht="16.5" customHeight="1">
      <c r="A57" s="211"/>
      <c r="B57" s="800">
        <v>0.2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6.5</v>
      </c>
      <c r="N57" s="816">
        <v>2.8</v>
      </c>
      <c r="O57" s="817">
        <v>11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.1</v>
      </c>
      <c r="U57" s="817">
        <v>0.2</v>
      </c>
      <c r="V57" s="815">
        <v>0.1</v>
      </c>
      <c r="W57" s="816">
        <v>0</v>
      </c>
      <c r="X57" s="815">
        <v>0.2</v>
      </c>
    </row>
    <row r="58" spans="1:24" ht="16.5" customHeight="1">
      <c r="A58" s="211"/>
      <c r="B58" s="819">
        <v>0.1</v>
      </c>
      <c r="C58" s="763" t="s">
        <v>689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1.7</v>
      </c>
      <c r="N58" s="816">
        <v>0.4</v>
      </c>
      <c r="O58" s="816">
        <v>3.3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36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2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3</v>
      </c>
      <c r="N60" s="809">
        <v>0.3</v>
      </c>
      <c r="O60" s="810">
        <v>0.4</v>
      </c>
      <c r="P60" s="805" t="s">
        <v>44</v>
      </c>
      <c r="Q60" s="804" t="s">
        <v>44</v>
      </c>
      <c r="R60" s="803" t="s">
        <v>44</v>
      </c>
      <c r="S60" s="811">
        <v>9.5</v>
      </c>
      <c r="T60" s="809">
        <v>8.9</v>
      </c>
      <c r="U60" s="810">
        <v>10.199999999999999</v>
      </c>
      <c r="V60" s="808">
        <v>9.8000000000000007</v>
      </c>
      <c r="W60" s="809">
        <v>9.1999999999999993</v>
      </c>
      <c r="X60" s="808">
        <v>10.4</v>
      </c>
    </row>
    <row r="61" spans="1:24" ht="16.5" customHeight="1">
      <c r="A61" s="211"/>
      <c r="B61" s="802">
        <v>62.1</v>
      </c>
      <c r="C61" s="756" t="s">
        <v>690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11.3</v>
      </c>
      <c r="N61" s="809">
        <v>14.3</v>
      </c>
      <c r="O61" s="810">
        <v>7.7</v>
      </c>
      <c r="P61" s="805" t="s">
        <v>44</v>
      </c>
      <c r="Q61" s="804" t="s">
        <v>44</v>
      </c>
      <c r="R61" s="803" t="s">
        <v>44</v>
      </c>
      <c r="S61" s="811">
        <v>83.9</v>
      </c>
      <c r="T61" s="809">
        <v>86</v>
      </c>
      <c r="U61" s="810">
        <v>81.400000000000006</v>
      </c>
      <c r="V61" s="808">
        <v>84.3</v>
      </c>
      <c r="W61" s="809">
        <v>85.9</v>
      </c>
      <c r="X61" s="808">
        <v>82.3</v>
      </c>
    </row>
    <row r="62" spans="1:24" ht="16.5" customHeight="1" thickBot="1">
      <c r="A62" s="824"/>
      <c r="B62" s="825">
        <v>25.9</v>
      </c>
      <c r="C62" s="826" t="s">
        <v>617</v>
      </c>
      <c r="D62" s="812" t="s">
        <v>44</v>
      </c>
      <c r="E62" s="813" t="s">
        <v>44</v>
      </c>
      <c r="F62" s="814" t="s">
        <v>44</v>
      </c>
      <c r="G62" s="812" t="s">
        <v>44</v>
      </c>
      <c r="H62" s="813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29">
        <v>88.3</v>
      </c>
      <c r="N62" s="830">
        <v>85.4</v>
      </c>
      <c r="O62" s="831">
        <v>91.9</v>
      </c>
      <c r="P62" s="828" t="s">
        <v>44</v>
      </c>
      <c r="Q62" s="827" t="s">
        <v>44</v>
      </c>
      <c r="R62" s="827" t="s">
        <v>44</v>
      </c>
      <c r="S62" s="832">
        <v>6.6</v>
      </c>
      <c r="T62" s="830">
        <v>5</v>
      </c>
      <c r="U62" s="831">
        <v>8.4</v>
      </c>
      <c r="V62" s="829">
        <v>6</v>
      </c>
      <c r="W62" s="830">
        <v>4.9000000000000004</v>
      </c>
      <c r="X62" s="829">
        <v>7.3</v>
      </c>
    </row>
    <row r="63" spans="1:24" ht="15" thickTop="1">
      <c r="A63" s="296" t="s">
        <v>627</v>
      </c>
      <c r="B63" s="1314" t="s">
        <v>537</v>
      </c>
      <c r="C63" s="1314"/>
      <c r="D63" s="1314"/>
      <c r="E63" s="1314"/>
      <c r="F63" s="1314"/>
      <c r="G63" s="1314"/>
      <c r="H63" s="1314"/>
      <c r="I63" s="296"/>
    </row>
    <row r="64" spans="1:24" ht="14.25">
      <c r="B64" s="296" t="s">
        <v>691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8">
    <mergeCell ref="S4:U4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  <mergeCell ref="B63:H63"/>
    <mergeCell ref="B65:I65"/>
    <mergeCell ref="P4:R4"/>
    <mergeCell ref="A4:B4"/>
    <mergeCell ref="C4:C5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&amp;10-32-</oddFooter>
    <evenFooter>&amp;C&amp;"ＭＳ ゴシック,太字"&amp;10-33-</even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zoomScale="90" zoomScaleNormal="9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692</v>
      </c>
      <c r="B1" s="295"/>
      <c r="C1" s="353"/>
      <c r="D1" s="353"/>
      <c r="E1" s="353"/>
      <c r="F1" s="353"/>
      <c r="Q1" s="353" t="s">
        <v>693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728" t="s">
        <v>594</v>
      </c>
      <c r="B3" s="729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596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549</v>
      </c>
      <c r="H5" s="1324"/>
      <c r="I5" s="1325"/>
      <c r="J5" s="1323" t="s">
        <v>630</v>
      </c>
      <c r="K5" s="1324"/>
      <c r="L5" s="1325"/>
      <c r="M5" s="1324" t="s">
        <v>551</v>
      </c>
      <c r="N5" s="1324"/>
      <c r="O5" s="1325"/>
      <c r="P5" s="1323" t="s">
        <v>694</v>
      </c>
      <c r="Q5" s="1324"/>
      <c r="R5" s="1325"/>
      <c r="S5" s="1323" t="s">
        <v>601</v>
      </c>
      <c r="T5" s="1324"/>
      <c r="U5" s="1325"/>
      <c r="V5" s="1323" t="s">
        <v>60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740" t="s">
        <v>555</v>
      </c>
      <c r="K6" s="739" t="s">
        <v>556</v>
      </c>
      <c r="L6" s="739" t="s">
        <v>557</v>
      </c>
      <c r="M6" s="737" t="s">
        <v>555</v>
      </c>
      <c r="N6" s="739" t="s">
        <v>556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1308801</v>
      </c>
      <c r="C8" s="746" t="s">
        <v>214</v>
      </c>
      <c r="D8" s="747">
        <v>1355</v>
      </c>
      <c r="E8" s="748">
        <v>492</v>
      </c>
      <c r="F8" s="747">
        <v>863</v>
      </c>
      <c r="G8" s="745">
        <v>-3611</v>
      </c>
      <c r="H8" s="748">
        <v>-1887</v>
      </c>
      <c r="I8" s="747">
        <v>-1724</v>
      </c>
      <c r="J8" s="745">
        <v>8647</v>
      </c>
      <c r="K8" s="748">
        <v>4528</v>
      </c>
      <c r="L8" s="748">
        <v>4119</v>
      </c>
      <c r="M8" s="747">
        <v>12258</v>
      </c>
      <c r="N8" s="748">
        <v>6415</v>
      </c>
      <c r="O8" s="749">
        <v>5843</v>
      </c>
      <c r="P8" s="747">
        <v>4966</v>
      </c>
      <c r="Q8" s="748">
        <v>2379</v>
      </c>
      <c r="R8" s="747">
        <v>2587</v>
      </c>
      <c r="S8" s="745">
        <v>54263</v>
      </c>
      <c r="T8" s="748">
        <v>29236</v>
      </c>
      <c r="U8" s="749">
        <v>25027</v>
      </c>
      <c r="V8" s="747">
        <v>49297</v>
      </c>
      <c r="W8" s="748">
        <v>26857</v>
      </c>
      <c r="X8" s="747">
        <v>22440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48787</v>
      </c>
      <c r="C10" s="756" t="s">
        <v>559</v>
      </c>
      <c r="D10" s="757">
        <v>9291</v>
      </c>
      <c r="E10" s="758">
        <v>4833</v>
      </c>
      <c r="F10" s="757">
        <v>4458</v>
      </c>
      <c r="G10" s="755">
        <v>8614</v>
      </c>
      <c r="H10" s="758">
        <v>4514</v>
      </c>
      <c r="I10" s="757">
        <v>4100</v>
      </c>
      <c r="J10" s="755">
        <v>8647</v>
      </c>
      <c r="K10" s="755">
        <v>4528</v>
      </c>
      <c r="L10" s="759">
        <v>4119</v>
      </c>
      <c r="M10" s="769">
        <v>33</v>
      </c>
      <c r="N10" s="755">
        <v>14</v>
      </c>
      <c r="O10" s="758">
        <v>19</v>
      </c>
      <c r="P10" s="757">
        <v>677</v>
      </c>
      <c r="Q10" s="758">
        <v>319</v>
      </c>
      <c r="R10" s="757">
        <v>358</v>
      </c>
      <c r="S10" s="755">
        <v>3288</v>
      </c>
      <c r="T10" s="758">
        <v>1671</v>
      </c>
      <c r="U10" s="758">
        <v>1617</v>
      </c>
      <c r="V10" s="755">
        <v>2611</v>
      </c>
      <c r="W10" s="758">
        <v>1352</v>
      </c>
      <c r="X10" s="755">
        <v>1259</v>
      </c>
    </row>
    <row r="11" spans="1:24" ht="16.5" customHeight="1">
      <c r="A11" s="211"/>
      <c r="B11" s="755">
        <v>54260</v>
      </c>
      <c r="C11" s="756" t="s">
        <v>474</v>
      </c>
      <c r="D11" s="757">
        <v>319</v>
      </c>
      <c r="E11" s="758">
        <v>143</v>
      </c>
      <c r="F11" s="757">
        <v>176</v>
      </c>
      <c r="G11" s="755">
        <v>-4</v>
      </c>
      <c r="H11" s="758">
        <v>-1</v>
      </c>
      <c r="I11" s="757">
        <v>-3</v>
      </c>
      <c r="J11" s="761" t="s">
        <v>44</v>
      </c>
      <c r="K11" s="762" t="s">
        <v>44</v>
      </c>
      <c r="L11" s="762" t="s">
        <v>44</v>
      </c>
      <c r="M11" s="770">
        <v>4</v>
      </c>
      <c r="N11" s="755">
        <v>1</v>
      </c>
      <c r="O11" s="758">
        <v>3</v>
      </c>
      <c r="P11" s="757">
        <v>323</v>
      </c>
      <c r="Q11" s="758">
        <v>144</v>
      </c>
      <c r="R11" s="757">
        <v>179</v>
      </c>
      <c r="S11" s="758">
        <v>1637</v>
      </c>
      <c r="T11" s="758">
        <v>800</v>
      </c>
      <c r="U11" s="758">
        <v>837</v>
      </c>
      <c r="V11" s="758">
        <v>1314</v>
      </c>
      <c r="W11" s="758">
        <v>656</v>
      </c>
      <c r="X11" s="755">
        <v>658</v>
      </c>
    </row>
    <row r="12" spans="1:24" ht="16.5" customHeight="1">
      <c r="A12" s="211"/>
      <c r="B12" s="755">
        <v>57733</v>
      </c>
      <c r="C12" s="756" t="s">
        <v>621</v>
      </c>
      <c r="D12" s="757">
        <v>206</v>
      </c>
      <c r="E12" s="758">
        <v>114</v>
      </c>
      <c r="F12" s="757">
        <v>92</v>
      </c>
      <c r="G12" s="755">
        <v>-8</v>
      </c>
      <c r="H12" s="758">
        <v>-3</v>
      </c>
      <c r="I12" s="757">
        <v>-5</v>
      </c>
      <c r="J12" s="761" t="s">
        <v>44</v>
      </c>
      <c r="K12" s="762" t="s">
        <v>44</v>
      </c>
      <c r="L12" s="762" t="s">
        <v>44</v>
      </c>
      <c r="M12" s="770">
        <v>8</v>
      </c>
      <c r="N12" s="755">
        <v>3</v>
      </c>
      <c r="O12" s="758">
        <v>5</v>
      </c>
      <c r="P12" s="757">
        <v>214</v>
      </c>
      <c r="Q12" s="758">
        <v>117</v>
      </c>
      <c r="R12" s="757">
        <v>97</v>
      </c>
      <c r="S12" s="758">
        <v>940</v>
      </c>
      <c r="T12" s="758">
        <v>488</v>
      </c>
      <c r="U12" s="758">
        <v>452</v>
      </c>
      <c r="V12" s="758">
        <v>726</v>
      </c>
      <c r="W12" s="758">
        <v>371</v>
      </c>
      <c r="X12" s="755">
        <v>355</v>
      </c>
    </row>
    <row r="13" spans="1:24" ht="16.5" customHeight="1">
      <c r="A13" s="211"/>
      <c r="B13" s="755">
        <v>61801</v>
      </c>
      <c r="C13" s="756" t="s">
        <v>476</v>
      </c>
      <c r="D13" s="757">
        <v>880</v>
      </c>
      <c r="E13" s="758">
        <v>532</v>
      </c>
      <c r="F13" s="757">
        <v>348</v>
      </c>
      <c r="G13" s="755">
        <v>-18</v>
      </c>
      <c r="H13" s="758">
        <v>-11</v>
      </c>
      <c r="I13" s="757">
        <v>-7</v>
      </c>
      <c r="J13" s="761" t="s">
        <v>44</v>
      </c>
      <c r="K13" s="762" t="s">
        <v>44</v>
      </c>
      <c r="L13" s="762" t="s">
        <v>44</v>
      </c>
      <c r="M13" s="770">
        <v>18</v>
      </c>
      <c r="N13" s="755">
        <v>11</v>
      </c>
      <c r="O13" s="758">
        <v>7</v>
      </c>
      <c r="P13" s="757">
        <v>898</v>
      </c>
      <c r="Q13" s="758">
        <v>543</v>
      </c>
      <c r="R13" s="757">
        <v>355</v>
      </c>
      <c r="S13" s="758">
        <v>2481</v>
      </c>
      <c r="T13" s="758">
        <v>1423</v>
      </c>
      <c r="U13" s="758">
        <v>1058</v>
      </c>
      <c r="V13" s="758">
        <v>1583</v>
      </c>
      <c r="W13" s="758">
        <v>880</v>
      </c>
      <c r="X13" s="755">
        <v>703</v>
      </c>
    </row>
    <row r="14" spans="1:24" ht="16.5" customHeight="1">
      <c r="A14" s="211"/>
      <c r="B14" s="766">
        <v>68498</v>
      </c>
      <c r="C14" s="763" t="s">
        <v>605</v>
      </c>
      <c r="D14" s="764">
        <v>-58</v>
      </c>
      <c r="E14" s="765">
        <v>101</v>
      </c>
      <c r="F14" s="764">
        <v>-159</v>
      </c>
      <c r="G14" s="766">
        <v>-15</v>
      </c>
      <c r="H14" s="765">
        <v>-9</v>
      </c>
      <c r="I14" s="764">
        <v>-6</v>
      </c>
      <c r="J14" s="767" t="s">
        <v>44</v>
      </c>
      <c r="K14" s="768" t="s">
        <v>44</v>
      </c>
      <c r="L14" s="768" t="s">
        <v>44</v>
      </c>
      <c r="M14" s="770">
        <v>15</v>
      </c>
      <c r="N14" s="766">
        <v>9</v>
      </c>
      <c r="O14" s="765">
        <v>6</v>
      </c>
      <c r="P14" s="764">
        <v>-43</v>
      </c>
      <c r="Q14" s="765">
        <v>110</v>
      </c>
      <c r="R14" s="764">
        <v>-153</v>
      </c>
      <c r="S14" s="765">
        <v>8421</v>
      </c>
      <c r="T14" s="765">
        <v>4671</v>
      </c>
      <c r="U14" s="765">
        <v>3750</v>
      </c>
      <c r="V14" s="758">
        <v>8464</v>
      </c>
      <c r="W14" s="765">
        <v>4561</v>
      </c>
      <c r="X14" s="766">
        <v>3903</v>
      </c>
    </row>
    <row r="15" spans="1:24" ht="16.5" customHeight="1">
      <c r="A15" s="211"/>
      <c r="B15" s="755">
        <v>63186</v>
      </c>
      <c r="C15" s="756" t="s">
        <v>564</v>
      </c>
      <c r="D15" s="757">
        <v>-311</v>
      </c>
      <c r="E15" s="758">
        <v>-108</v>
      </c>
      <c r="F15" s="757">
        <v>-203</v>
      </c>
      <c r="G15" s="755">
        <v>-17</v>
      </c>
      <c r="H15" s="758">
        <v>-12</v>
      </c>
      <c r="I15" s="757">
        <v>-5</v>
      </c>
      <c r="J15" s="761" t="s">
        <v>44</v>
      </c>
      <c r="K15" s="762" t="s">
        <v>44</v>
      </c>
      <c r="L15" s="762" t="s">
        <v>44</v>
      </c>
      <c r="M15" s="769">
        <v>17</v>
      </c>
      <c r="N15" s="755">
        <v>12</v>
      </c>
      <c r="O15" s="758">
        <v>5</v>
      </c>
      <c r="P15" s="757">
        <v>-294</v>
      </c>
      <c r="Q15" s="758">
        <v>-96</v>
      </c>
      <c r="R15" s="757">
        <v>-198</v>
      </c>
      <c r="S15" s="755">
        <v>9950</v>
      </c>
      <c r="T15" s="758">
        <v>5472</v>
      </c>
      <c r="U15" s="758">
        <v>4478</v>
      </c>
      <c r="V15" s="759">
        <v>10244</v>
      </c>
      <c r="W15" s="758">
        <v>5568</v>
      </c>
      <c r="X15" s="755">
        <v>4676</v>
      </c>
    </row>
    <row r="16" spans="1:24" ht="16.5" customHeight="1">
      <c r="A16" s="211"/>
      <c r="B16" s="755">
        <v>64912</v>
      </c>
      <c r="C16" s="756" t="s">
        <v>479</v>
      </c>
      <c r="D16" s="757">
        <v>364</v>
      </c>
      <c r="E16" s="758">
        <v>80</v>
      </c>
      <c r="F16" s="757">
        <v>284</v>
      </c>
      <c r="G16" s="755">
        <v>-27</v>
      </c>
      <c r="H16" s="758">
        <v>-16</v>
      </c>
      <c r="I16" s="757">
        <v>-11</v>
      </c>
      <c r="J16" s="761" t="s">
        <v>44</v>
      </c>
      <c r="K16" s="762" t="s">
        <v>44</v>
      </c>
      <c r="L16" s="762" t="s">
        <v>44</v>
      </c>
      <c r="M16" s="770">
        <v>27</v>
      </c>
      <c r="N16" s="755">
        <v>16</v>
      </c>
      <c r="O16" s="758">
        <v>11</v>
      </c>
      <c r="P16" s="757">
        <v>391</v>
      </c>
      <c r="Q16" s="758">
        <v>96</v>
      </c>
      <c r="R16" s="757">
        <v>295</v>
      </c>
      <c r="S16" s="758">
        <v>7217</v>
      </c>
      <c r="T16" s="758">
        <v>3909</v>
      </c>
      <c r="U16" s="758">
        <v>3308</v>
      </c>
      <c r="V16" s="758">
        <v>6826</v>
      </c>
      <c r="W16" s="758">
        <v>3813</v>
      </c>
      <c r="X16" s="755">
        <v>3013</v>
      </c>
    </row>
    <row r="17" spans="1:24" ht="16.5" customHeight="1">
      <c r="A17" s="729" t="s">
        <v>565</v>
      </c>
      <c r="B17" s="755">
        <v>78271</v>
      </c>
      <c r="C17" s="756" t="s">
        <v>622</v>
      </c>
      <c r="D17" s="757">
        <v>630</v>
      </c>
      <c r="E17" s="758">
        <v>249</v>
      </c>
      <c r="F17" s="757">
        <v>381</v>
      </c>
      <c r="G17" s="755">
        <v>-47</v>
      </c>
      <c r="H17" s="758">
        <v>-32</v>
      </c>
      <c r="I17" s="757">
        <v>-15</v>
      </c>
      <c r="J17" s="761" t="s">
        <v>44</v>
      </c>
      <c r="K17" s="762" t="s">
        <v>44</v>
      </c>
      <c r="L17" s="762" t="s">
        <v>44</v>
      </c>
      <c r="M17" s="770">
        <v>47</v>
      </c>
      <c r="N17" s="755">
        <v>32</v>
      </c>
      <c r="O17" s="758">
        <v>15</v>
      </c>
      <c r="P17" s="757">
        <v>677</v>
      </c>
      <c r="Q17" s="758">
        <v>281</v>
      </c>
      <c r="R17" s="757">
        <v>396</v>
      </c>
      <c r="S17" s="758">
        <v>5234</v>
      </c>
      <c r="T17" s="758">
        <v>2887</v>
      </c>
      <c r="U17" s="758">
        <v>2347</v>
      </c>
      <c r="V17" s="758">
        <v>4557</v>
      </c>
      <c r="W17" s="758">
        <v>2606</v>
      </c>
      <c r="X17" s="755">
        <v>1951</v>
      </c>
    </row>
    <row r="18" spans="1:24" ht="16.5" customHeight="1">
      <c r="A18" s="731"/>
      <c r="B18" s="755">
        <v>94199</v>
      </c>
      <c r="C18" s="756" t="s">
        <v>567</v>
      </c>
      <c r="D18" s="757">
        <v>377</v>
      </c>
      <c r="E18" s="758">
        <v>167</v>
      </c>
      <c r="F18" s="757">
        <v>210</v>
      </c>
      <c r="G18" s="755">
        <v>-62</v>
      </c>
      <c r="H18" s="758">
        <v>-37</v>
      </c>
      <c r="I18" s="757">
        <v>-25</v>
      </c>
      <c r="J18" s="761" t="s">
        <v>44</v>
      </c>
      <c r="K18" s="762" t="s">
        <v>44</v>
      </c>
      <c r="L18" s="762" t="s">
        <v>44</v>
      </c>
      <c r="M18" s="770">
        <v>62</v>
      </c>
      <c r="N18" s="755">
        <v>37</v>
      </c>
      <c r="O18" s="758">
        <v>25</v>
      </c>
      <c r="P18" s="757">
        <v>439</v>
      </c>
      <c r="Q18" s="758">
        <v>204</v>
      </c>
      <c r="R18" s="757">
        <v>235</v>
      </c>
      <c r="S18" s="755">
        <v>3543</v>
      </c>
      <c r="T18" s="758">
        <v>2003</v>
      </c>
      <c r="U18" s="758">
        <v>1540</v>
      </c>
      <c r="V18" s="758">
        <v>3104</v>
      </c>
      <c r="W18" s="758">
        <v>1799</v>
      </c>
      <c r="X18" s="755">
        <v>1305</v>
      </c>
    </row>
    <row r="19" spans="1:24" ht="16.5" customHeight="1">
      <c r="A19" s="731"/>
      <c r="B19" s="766">
        <v>110439</v>
      </c>
      <c r="C19" s="763" t="s">
        <v>607</v>
      </c>
      <c r="D19" s="764">
        <v>168</v>
      </c>
      <c r="E19" s="765">
        <v>7</v>
      </c>
      <c r="F19" s="764">
        <v>161</v>
      </c>
      <c r="G19" s="766">
        <v>-145</v>
      </c>
      <c r="H19" s="765">
        <v>-91</v>
      </c>
      <c r="I19" s="764">
        <v>-54</v>
      </c>
      <c r="J19" s="767" t="s">
        <v>44</v>
      </c>
      <c r="K19" s="768" t="s">
        <v>44</v>
      </c>
      <c r="L19" s="768" t="s">
        <v>44</v>
      </c>
      <c r="M19" s="771">
        <v>145</v>
      </c>
      <c r="N19" s="766">
        <v>91</v>
      </c>
      <c r="O19" s="765">
        <v>54</v>
      </c>
      <c r="P19" s="764">
        <v>313</v>
      </c>
      <c r="Q19" s="765">
        <v>98</v>
      </c>
      <c r="R19" s="764">
        <v>215</v>
      </c>
      <c r="S19" s="765">
        <v>2815</v>
      </c>
      <c r="T19" s="765">
        <v>1543</v>
      </c>
      <c r="U19" s="765">
        <v>1272</v>
      </c>
      <c r="V19" s="755">
        <v>2502</v>
      </c>
      <c r="W19" s="765">
        <v>1445</v>
      </c>
      <c r="X19" s="766">
        <v>1057</v>
      </c>
    </row>
    <row r="20" spans="1:24" ht="16.5" customHeight="1">
      <c r="A20" s="731"/>
      <c r="B20" s="755">
        <v>97367</v>
      </c>
      <c r="C20" s="756" t="s">
        <v>608</v>
      </c>
      <c r="D20" s="757">
        <v>-12</v>
      </c>
      <c r="E20" s="758">
        <v>-3</v>
      </c>
      <c r="F20" s="757">
        <v>-9</v>
      </c>
      <c r="G20" s="755">
        <v>-236</v>
      </c>
      <c r="H20" s="758">
        <v>-167</v>
      </c>
      <c r="I20" s="757">
        <v>-69</v>
      </c>
      <c r="J20" s="761" t="s">
        <v>44</v>
      </c>
      <c r="K20" s="762" t="s">
        <v>44</v>
      </c>
      <c r="L20" s="762" t="s">
        <v>44</v>
      </c>
      <c r="M20" s="770">
        <v>236</v>
      </c>
      <c r="N20" s="755">
        <v>167</v>
      </c>
      <c r="O20" s="758">
        <v>69</v>
      </c>
      <c r="P20" s="757">
        <v>224</v>
      </c>
      <c r="Q20" s="758">
        <v>164</v>
      </c>
      <c r="R20" s="757">
        <v>60</v>
      </c>
      <c r="S20" s="758">
        <v>2176</v>
      </c>
      <c r="T20" s="758">
        <v>1263</v>
      </c>
      <c r="U20" s="758">
        <v>913</v>
      </c>
      <c r="V20" s="759">
        <v>1952</v>
      </c>
      <c r="W20" s="758">
        <v>1099</v>
      </c>
      <c r="X20" s="755">
        <v>853</v>
      </c>
    </row>
    <row r="21" spans="1:24" ht="16.5" customHeight="1">
      <c r="A21" s="731"/>
      <c r="B21" s="755">
        <v>80681</v>
      </c>
      <c r="C21" s="756" t="s">
        <v>570</v>
      </c>
      <c r="D21" s="757">
        <v>-92</v>
      </c>
      <c r="E21" s="758">
        <v>-99</v>
      </c>
      <c r="F21" s="757">
        <v>7</v>
      </c>
      <c r="G21" s="755">
        <v>-272</v>
      </c>
      <c r="H21" s="758">
        <v>-175</v>
      </c>
      <c r="I21" s="757">
        <v>-97</v>
      </c>
      <c r="J21" s="761" t="s">
        <v>44</v>
      </c>
      <c r="K21" s="762" t="s">
        <v>44</v>
      </c>
      <c r="L21" s="762" t="s">
        <v>44</v>
      </c>
      <c r="M21" s="770">
        <v>272</v>
      </c>
      <c r="N21" s="755">
        <v>175</v>
      </c>
      <c r="O21" s="758">
        <v>97</v>
      </c>
      <c r="P21" s="757">
        <v>180</v>
      </c>
      <c r="Q21" s="758">
        <v>76</v>
      </c>
      <c r="R21" s="757">
        <v>104</v>
      </c>
      <c r="S21" s="755">
        <v>1463</v>
      </c>
      <c r="T21" s="758">
        <v>815</v>
      </c>
      <c r="U21" s="758">
        <v>648</v>
      </c>
      <c r="V21" s="758">
        <v>1283</v>
      </c>
      <c r="W21" s="758">
        <v>739</v>
      </c>
      <c r="X21" s="755">
        <v>544</v>
      </c>
    </row>
    <row r="22" spans="1:24" ht="16.5" customHeight="1">
      <c r="A22" s="729" t="s">
        <v>571</v>
      </c>
      <c r="B22" s="755">
        <v>70969</v>
      </c>
      <c r="C22" s="756" t="s">
        <v>609</v>
      </c>
      <c r="D22" s="757">
        <v>-111</v>
      </c>
      <c r="E22" s="758">
        <v>-127</v>
      </c>
      <c r="F22" s="757">
        <v>16</v>
      </c>
      <c r="G22" s="755">
        <v>-323</v>
      </c>
      <c r="H22" s="758">
        <v>-212</v>
      </c>
      <c r="I22" s="757">
        <v>-111</v>
      </c>
      <c r="J22" s="761" t="s">
        <v>44</v>
      </c>
      <c r="K22" s="762" t="s">
        <v>44</v>
      </c>
      <c r="L22" s="762" t="s">
        <v>44</v>
      </c>
      <c r="M22" s="770">
        <v>323</v>
      </c>
      <c r="N22" s="755">
        <v>212</v>
      </c>
      <c r="O22" s="758">
        <v>111</v>
      </c>
      <c r="P22" s="757">
        <v>212</v>
      </c>
      <c r="Q22" s="758">
        <v>85</v>
      </c>
      <c r="R22" s="757">
        <v>127</v>
      </c>
      <c r="S22" s="758">
        <v>1158</v>
      </c>
      <c r="T22" s="758">
        <v>667</v>
      </c>
      <c r="U22" s="758">
        <v>491</v>
      </c>
      <c r="V22" s="758">
        <v>946</v>
      </c>
      <c r="W22" s="758">
        <v>582</v>
      </c>
      <c r="X22" s="755">
        <v>364</v>
      </c>
    </row>
    <row r="23" spans="1:24" ht="16.5" customHeight="1">
      <c r="A23" s="211"/>
      <c r="B23" s="755">
        <v>82037</v>
      </c>
      <c r="C23" s="756" t="s">
        <v>610</v>
      </c>
      <c r="D23" s="757">
        <v>-585</v>
      </c>
      <c r="E23" s="758">
        <v>-385</v>
      </c>
      <c r="F23" s="757">
        <v>-200</v>
      </c>
      <c r="G23" s="755">
        <v>-679</v>
      </c>
      <c r="H23" s="758">
        <v>-452</v>
      </c>
      <c r="I23" s="757">
        <v>-227</v>
      </c>
      <c r="J23" s="761" t="s">
        <v>44</v>
      </c>
      <c r="K23" s="762" t="s">
        <v>44</v>
      </c>
      <c r="L23" s="762" t="s">
        <v>44</v>
      </c>
      <c r="M23" s="770">
        <v>679</v>
      </c>
      <c r="N23" s="755">
        <v>452</v>
      </c>
      <c r="O23" s="758">
        <v>227</v>
      </c>
      <c r="P23" s="757">
        <v>94</v>
      </c>
      <c r="Q23" s="758">
        <v>67</v>
      </c>
      <c r="R23" s="757">
        <v>27</v>
      </c>
      <c r="S23" s="758">
        <v>867</v>
      </c>
      <c r="T23" s="758">
        <v>476</v>
      </c>
      <c r="U23" s="758">
        <v>391</v>
      </c>
      <c r="V23" s="755">
        <v>773</v>
      </c>
      <c r="W23" s="758">
        <v>409</v>
      </c>
      <c r="X23" s="755">
        <v>364</v>
      </c>
    </row>
    <row r="24" spans="1:24" ht="16.5" customHeight="1">
      <c r="A24" s="211"/>
      <c r="B24" s="766">
        <v>90647</v>
      </c>
      <c r="C24" s="763" t="s">
        <v>611</v>
      </c>
      <c r="D24" s="764">
        <v>-990</v>
      </c>
      <c r="E24" s="765">
        <v>-661</v>
      </c>
      <c r="F24" s="764">
        <v>-329</v>
      </c>
      <c r="G24" s="766">
        <v>-1095</v>
      </c>
      <c r="H24" s="765">
        <v>-723</v>
      </c>
      <c r="I24" s="764">
        <v>-372</v>
      </c>
      <c r="J24" s="767" t="s">
        <v>44</v>
      </c>
      <c r="K24" s="768" t="s">
        <v>44</v>
      </c>
      <c r="L24" s="768" t="s">
        <v>44</v>
      </c>
      <c r="M24" s="771">
        <v>1095</v>
      </c>
      <c r="N24" s="766">
        <v>723</v>
      </c>
      <c r="O24" s="765">
        <v>372</v>
      </c>
      <c r="P24" s="764">
        <v>105</v>
      </c>
      <c r="Q24" s="765">
        <v>62</v>
      </c>
      <c r="R24" s="764">
        <v>43</v>
      </c>
      <c r="S24" s="758">
        <v>790</v>
      </c>
      <c r="T24" s="765">
        <v>389</v>
      </c>
      <c r="U24" s="765">
        <v>401</v>
      </c>
      <c r="V24" s="758">
        <v>685</v>
      </c>
      <c r="W24" s="765">
        <v>327</v>
      </c>
      <c r="X24" s="766">
        <v>358</v>
      </c>
    </row>
    <row r="25" spans="1:24" ht="16.5" customHeight="1">
      <c r="A25" s="211"/>
      <c r="B25" s="755">
        <v>76480</v>
      </c>
      <c r="C25" s="756" t="s">
        <v>624</v>
      </c>
      <c r="D25" s="757">
        <v>-1387</v>
      </c>
      <c r="E25" s="758">
        <v>-992</v>
      </c>
      <c r="F25" s="757">
        <v>-395</v>
      </c>
      <c r="G25" s="755">
        <v>-1550</v>
      </c>
      <c r="H25" s="758">
        <v>-1035</v>
      </c>
      <c r="I25" s="757">
        <v>-515</v>
      </c>
      <c r="J25" s="761" t="s">
        <v>44</v>
      </c>
      <c r="K25" s="762" t="s">
        <v>44</v>
      </c>
      <c r="L25" s="762" t="s">
        <v>44</v>
      </c>
      <c r="M25" s="770">
        <v>1550</v>
      </c>
      <c r="N25" s="755">
        <v>1035</v>
      </c>
      <c r="O25" s="758">
        <v>515</v>
      </c>
      <c r="P25" s="757">
        <v>163</v>
      </c>
      <c r="Q25" s="758">
        <v>43</v>
      </c>
      <c r="R25" s="757">
        <v>120</v>
      </c>
      <c r="S25" s="759">
        <v>728</v>
      </c>
      <c r="T25" s="758">
        <v>291</v>
      </c>
      <c r="U25" s="758">
        <v>437</v>
      </c>
      <c r="V25" s="759">
        <v>565</v>
      </c>
      <c r="W25" s="758">
        <v>248</v>
      </c>
      <c r="X25" s="755">
        <v>317</v>
      </c>
    </row>
    <row r="26" spans="1:24" ht="16.5" customHeight="1">
      <c r="A26" s="211"/>
      <c r="B26" s="755">
        <v>51948</v>
      </c>
      <c r="C26" s="756" t="s">
        <v>613</v>
      </c>
      <c r="D26" s="757">
        <v>-1868</v>
      </c>
      <c r="E26" s="758">
        <v>-1166</v>
      </c>
      <c r="F26" s="757">
        <v>-702</v>
      </c>
      <c r="G26" s="755">
        <v>-1991</v>
      </c>
      <c r="H26" s="758">
        <v>-1168</v>
      </c>
      <c r="I26" s="757">
        <v>-823</v>
      </c>
      <c r="J26" s="761" t="s">
        <v>44</v>
      </c>
      <c r="K26" s="762" t="s">
        <v>44</v>
      </c>
      <c r="L26" s="762" t="s">
        <v>44</v>
      </c>
      <c r="M26" s="770">
        <v>1991</v>
      </c>
      <c r="N26" s="755">
        <v>1168</v>
      </c>
      <c r="O26" s="758">
        <v>823</v>
      </c>
      <c r="P26" s="757">
        <v>123</v>
      </c>
      <c r="Q26" s="758">
        <v>2</v>
      </c>
      <c r="R26" s="757">
        <v>121</v>
      </c>
      <c r="S26" s="758">
        <v>614</v>
      </c>
      <c r="T26" s="758">
        <v>207</v>
      </c>
      <c r="U26" s="758">
        <v>407</v>
      </c>
      <c r="V26" s="758">
        <v>491</v>
      </c>
      <c r="W26" s="758">
        <v>205</v>
      </c>
      <c r="X26" s="755">
        <v>286</v>
      </c>
    </row>
    <row r="27" spans="1:24" ht="16.5" customHeight="1">
      <c r="A27" s="211"/>
      <c r="B27" s="755">
        <v>31219</v>
      </c>
      <c r="C27" s="756" t="s">
        <v>614</v>
      </c>
      <c r="D27" s="757">
        <v>-2222</v>
      </c>
      <c r="E27" s="758">
        <v>-1146</v>
      </c>
      <c r="F27" s="757">
        <v>-1076</v>
      </c>
      <c r="G27" s="755">
        <v>-2396</v>
      </c>
      <c r="H27" s="758">
        <v>-1200</v>
      </c>
      <c r="I27" s="757">
        <v>-1196</v>
      </c>
      <c r="J27" s="761" t="s">
        <v>44</v>
      </c>
      <c r="K27" s="762" t="s">
        <v>44</v>
      </c>
      <c r="L27" s="762" t="s">
        <v>44</v>
      </c>
      <c r="M27" s="770">
        <v>2396</v>
      </c>
      <c r="N27" s="755">
        <v>1200</v>
      </c>
      <c r="O27" s="758">
        <v>1196</v>
      </c>
      <c r="P27" s="757">
        <v>174</v>
      </c>
      <c r="Q27" s="758">
        <v>54</v>
      </c>
      <c r="R27" s="757">
        <v>120</v>
      </c>
      <c r="S27" s="758">
        <v>563</v>
      </c>
      <c r="T27" s="758">
        <v>168</v>
      </c>
      <c r="U27" s="758">
        <v>395</v>
      </c>
      <c r="V27" s="758">
        <v>389</v>
      </c>
      <c r="W27" s="758">
        <v>114</v>
      </c>
      <c r="X27" s="755">
        <v>275</v>
      </c>
    </row>
    <row r="28" spans="1:24" ht="16.5" customHeight="1">
      <c r="A28" s="211"/>
      <c r="B28" s="755">
        <v>14665</v>
      </c>
      <c r="C28" s="756" t="s">
        <v>636</v>
      </c>
      <c r="D28" s="757">
        <v>-2008</v>
      </c>
      <c r="E28" s="758">
        <v>-768</v>
      </c>
      <c r="F28" s="757">
        <v>-1240</v>
      </c>
      <c r="G28" s="755">
        <v>-2083</v>
      </c>
      <c r="H28" s="758">
        <v>-785</v>
      </c>
      <c r="I28" s="757">
        <v>-1298</v>
      </c>
      <c r="J28" s="761" t="s">
        <v>44</v>
      </c>
      <c r="K28" s="762" t="s">
        <v>44</v>
      </c>
      <c r="L28" s="762" t="s">
        <v>44</v>
      </c>
      <c r="M28" s="770">
        <v>2083</v>
      </c>
      <c r="N28" s="755">
        <v>785</v>
      </c>
      <c r="O28" s="758">
        <v>1298</v>
      </c>
      <c r="P28" s="757">
        <v>75</v>
      </c>
      <c r="Q28" s="758">
        <v>17</v>
      </c>
      <c r="R28" s="757">
        <v>58</v>
      </c>
      <c r="S28" s="758">
        <v>292</v>
      </c>
      <c r="T28" s="758">
        <v>78</v>
      </c>
      <c r="U28" s="758">
        <v>214</v>
      </c>
      <c r="V28" s="755">
        <v>217</v>
      </c>
      <c r="W28" s="758">
        <v>61</v>
      </c>
      <c r="X28" s="755">
        <v>156</v>
      </c>
    </row>
    <row r="29" spans="1:24" ht="16.5" customHeight="1">
      <c r="A29" s="211"/>
      <c r="B29" s="766">
        <v>4260</v>
      </c>
      <c r="C29" s="763" t="s">
        <v>579</v>
      </c>
      <c r="D29" s="764">
        <v>-959</v>
      </c>
      <c r="E29" s="765">
        <v>-230</v>
      </c>
      <c r="F29" s="764">
        <v>-729</v>
      </c>
      <c r="G29" s="766">
        <v>-979</v>
      </c>
      <c r="H29" s="765">
        <v>-224</v>
      </c>
      <c r="I29" s="764">
        <v>-755</v>
      </c>
      <c r="J29" s="767" t="s">
        <v>44</v>
      </c>
      <c r="K29" s="768" t="s">
        <v>44</v>
      </c>
      <c r="L29" s="768" t="s">
        <v>44</v>
      </c>
      <c r="M29" s="771">
        <v>979</v>
      </c>
      <c r="N29" s="766">
        <v>224</v>
      </c>
      <c r="O29" s="765">
        <v>755</v>
      </c>
      <c r="P29" s="764">
        <v>20</v>
      </c>
      <c r="Q29" s="765">
        <v>-6</v>
      </c>
      <c r="R29" s="764">
        <v>26</v>
      </c>
      <c r="S29" s="758">
        <v>81</v>
      </c>
      <c r="T29" s="765">
        <v>15</v>
      </c>
      <c r="U29" s="765">
        <v>66</v>
      </c>
      <c r="V29" s="765">
        <v>61</v>
      </c>
      <c r="W29" s="765">
        <v>21</v>
      </c>
      <c r="X29" s="766">
        <v>40</v>
      </c>
    </row>
    <row r="30" spans="1:24" ht="16.5" customHeight="1">
      <c r="A30" s="211"/>
      <c r="B30" s="778">
        <v>772</v>
      </c>
      <c r="C30" s="763" t="s">
        <v>616</v>
      </c>
      <c r="D30" s="771">
        <v>-277</v>
      </c>
      <c r="E30" s="765">
        <v>-49</v>
      </c>
      <c r="F30" s="766">
        <v>-228</v>
      </c>
      <c r="G30" s="766">
        <v>-278</v>
      </c>
      <c r="H30" s="765">
        <v>-48</v>
      </c>
      <c r="I30" s="764">
        <v>-230</v>
      </c>
      <c r="J30" s="767" t="s">
        <v>44</v>
      </c>
      <c r="K30" s="768" t="s">
        <v>44</v>
      </c>
      <c r="L30" s="768" t="s">
        <v>44</v>
      </c>
      <c r="M30" s="777">
        <v>278</v>
      </c>
      <c r="N30" s="766">
        <v>48</v>
      </c>
      <c r="O30" s="765">
        <v>230</v>
      </c>
      <c r="P30" s="764">
        <v>1</v>
      </c>
      <c r="Q30" s="765">
        <v>-1</v>
      </c>
      <c r="R30" s="766">
        <v>2</v>
      </c>
      <c r="S30" s="773">
        <v>5</v>
      </c>
      <c r="T30" s="765">
        <v>0</v>
      </c>
      <c r="U30" s="765">
        <v>5</v>
      </c>
      <c r="V30" s="765">
        <v>4</v>
      </c>
      <c r="W30" s="765">
        <v>1</v>
      </c>
      <c r="X30" s="766">
        <v>3</v>
      </c>
    </row>
    <row r="31" spans="1:24" ht="16.5" customHeight="1">
      <c r="A31" s="211"/>
      <c r="B31" s="834">
        <v>5670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2" t="s">
        <v>44</v>
      </c>
      <c r="M31" s="781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160780</v>
      </c>
      <c r="C32" s="756" t="s">
        <v>497</v>
      </c>
      <c r="D32" s="757">
        <v>9816</v>
      </c>
      <c r="E32" s="758">
        <v>5090</v>
      </c>
      <c r="F32" s="757">
        <v>4726</v>
      </c>
      <c r="G32" s="755">
        <v>8602</v>
      </c>
      <c r="H32" s="758">
        <v>4510</v>
      </c>
      <c r="I32" s="757">
        <v>4092</v>
      </c>
      <c r="J32" s="755">
        <v>8647</v>
      </c>
      <c r="K32" s="758">
        <v>4528</v>
      </c>
      <c r="L32" s="758">
        <v>4119</v>
      </c>
      <c r="M32" s="757">
        <v>45</v>
      </c>
      <c r="N32" s="758">
        <v>18</v>
      </c>
      <c r="O32" s="770">
        <v>27</v>
      </c>
      <c r="P32" s="757">
        <v>1214</v>
      </c>
      <c r="Q32" s="758">
        <v>580</v>
      </c>
      <c r="R32" s="757">
        <v>634</v>
      </c>
      <c r="S32" s="755">
        <v>5865</v>
      </c>
      <c r="T32" s="758">
        <v>2959</v>
      </c>
      <c r="U32" s="770">
        <v>2906</v>
      </c>
      <c r="V32" s="757">
        <v>4651</v>
      </c>
      <c r="W32" s="758">
        <v>2379</v>
      </c>
      <c r="X32" s="757">
        <v>2272</v>
      </c>
    </row>
    <row r="33" spans="1:24" ht="16.5" customHeight="1">
      <c r="A33" s="211"/>
      <c r="B33" s="755">
        <v>790323</v>
      </c>
      <c r="C33" s="756" t="s">
        <v>582</v>
      </c>
      <c r="D33" s="757">
        <v>1835</v>
      </c>
      <c r="E33" s="758">
        <v>799</v>
      </c>
      <c r="F33" s="757">
        <v>1036</v>
      </c>
      <c r="G33" s="755">
        <v>-1162</v>
      </c>
      <c r="H33" s="758">
        <v>-762</v>
      </c>
      <c r="I33" s="757">
        <v>-400</v>
      </c>
      <c r="J33" s="761" t="s">
        <v>44</v>
      </c>
      <c r="K33" s="762" t="s">
        <v>44</v>
      </c>
      <c r="L33" s="762" t="s">
        <v>44</v>
      </c>
      <c r="M33" s="757">
        <v>1162</v>
      </c>
      <c r="N33" s="758">
        <v>762</v>
      </c>
      <c r="O33" s="770">
        <v>400</v>
      </c>
      <c r="P33" s="757">
        <v>2997</v>
      </c>
      <c r="Q33" s="758">
        <v>1561</v>
      </c>
      <c r="R33" s="757">
        <v>1436</v>
      </c>
      <c r="S33" s="755">
        <v>44458</v>
      </c>
      <c r="T33" s="758">
        <v>24653</v>
      </c>
      <c r="U33" s="770">
        <v>19805</v>
      </c>
      <c r="V33" s="757">
        <v>41461</v>
      </c>
      <c r="W33" s="758">
        <v>23092</v>
      </c>
      <c r="X33" s="757">
        <v>18369</v>
      </c>
    </row>
    <row r="34" spans="1:24" ht="16.5" customHeight="1" thickBot="1">
      <c r="A34" s="211"/>
      <c r="B34" s="755">
        <v>352028</v>
      </c>
      <c r="C34" s="756" t="s">
        <v>617</v>
      </c>
      <c r="D34" s="757">
        <v>-10296</v>
      </c>
      <c r="E34" s="758">
        <v>-5397</v>
      </c>
      <c r="F34" s="757">
        <v>-4899</v>
      </c>
      <c r="G34" s="755">
        <v>-11051</v>
      </c>
      <c r="H34" s="758">
        <v>-5635</v>
      </c>
      <c r="I34" s="757">
        <v>-5416</v>
      </c>
      <c r="J34" s="761" t="s">
        <v>44</v>
      </c>
      <c r="K34" s="762" t="s">
        <v>44</v>
      </c>
      <c r="L34" s="762" t="s">
        <v>44</v>
      </c>
      <c r="M34" s="757">
        <v>11051</v>
      </c>
      <c r="N34" s="758">
        <v>5635</v>
      </c>
      <c r="O34" s="770">
        <v>5416</v>
      </c>
      <c r="P34" s="757">
        <v>755</v>
      </c>
      <c r="Q34" s="758">
        <v>238</v>
      </c>
      <c r="R34" s="757">
        <v>517</v>
      </c>
      <c r="S34" s="755">
        <v>3940</v>
      </c>
      <c r="T34" s="758">
        <v>1624</v>
      </c>
      <c r="U34" s="770">
        <v>2316</v>
      </c>
      <c r="V34" s="757">
        <v>3185</v>
      </c>
      <c r="W34" s="758">
        <v>1386</v>
      </c>
      <c r="X34" s="757">
        <v>1799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364</v>
      </c>
      <c r="F36" s="792" t="s">
        <v>364</v>
      </c>
      <c r="G36" s="794" t="s">
        <v>364</v>
      </c>
      <c r="H36" s="793" t="s">
        <v>364</v>
      </c>
      <c r="I36" s="792" t="s">
        <v>36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364</v>
      </c>
      <c r="Q36" s="793" t="s">
        <v>364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7</v>
      </c>
      <c r="C38" s="756" t="s">
        <v>559</v>
      </c>
      <c r="D38" s="803" t="s">
        <v>364</v>
      </c>
      <c r="E38" s="804" t="s">
        <v>364</v>
      </c>
      <c r="F38" s="803" t="s">
        <v>364</v>
      </c>
      <c r="G38" s="805" t="s">
        <v>364</v>
      </c>
      <c r="H38" s="804" t="s">
        <v>364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.3</v>
      </c>
      <c r="N38" s="809">
        <v>0.2</v>
      </c>
      <c r="O38" s="810">
        <v>0.3</v>
      </c>
      <c r="P38" s="805" t="s">
        <v>364</v>
      </c>
      <c r="Q38" s="804" t="s">
        <v>364</v>
      </c>
      <c r="R38" s="803" t="s">
        <v>364</v>
      </c>
      <c r="S38" s="811">
        <v>6.1</v>
      </c>
      <c r="T38" s="809">
        <v>5.7</v>
      </c>
      <c r="U38" s="810">
        <v>6.5</v>
      </c>
      <c r="V38" s="808">
        <v>5.3</v>
      </c>
      <c r="W38" s="809">
        <v>5</v>
      </c>
      <c r="X38" s="808">
        <v>5.6</v>
      </c>
    </row>
    <row r="39" spans="1:24" ht="16.5" customHeight="1">
      <c r="A39" s="211"/>
      <c r="B39" s="802">
        <v>4.2</v>
      </c>
      <c r="C39" s="756" t="s">
        <v>474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.1</v>
      </c>
      <c r="P39" s="805" t="s">
        <v>44</v>
      </c>
      <c r="Q39" s="804" t="s">
        <v>44</v>
      </c>
      <c r="R39" s="803" t="s">
        <v>44</v>
      </c>
      <c r="S39" s="811">
        <v>3</v>
      </c>
      <c r="T39" s="809">
        <v>2.7</v>
      </c>
      <c r="U39" s="810">
        <v>3.3</v>
      </c>
      <c r="V39" s="808">
        <v>2.7</v>
      </c>
      <c r="W39" s="809">
        <v>2.4</v>
      </c>
      <c r="X39" s="808">
        <v>2.9</v>
      </c>
    </row>
    <row r="40" spans="1:24" ht="16.5" customHeight="1">
      <c r="A40" s="211"/>
      <c r="B40" s="802">
        <v>4.4000000000000004</v>
      </c>
      <c r="C40" s="756" t="s">
        <v>621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.1</v>
      </c>
      <c r="N40" s="809">
        <v>0</v>
      </c>
      <c r="O40" s="810">
        <v>0.1</v>
      </c>
      <c r="P40" s="805" t="s">
        <v>44</v>
      </c>
      <c r="Q40" s="804" t="s">
        <v>44</v>
      </c>
      <c r="R40" s="803" t="s">
        <v>44</v>
      </c>
      <c r="S40" s="811">
        <v>1.7</v>
      </c>
      <c r="T40" s="809">
        <v>1.7</v>
      </c>
      <c r="U40" s="810">
        <v>1.8</v>
      </c>
      <c r="V40" s="808">
        <v>1.5</v>
      </c>
      <c r="W40" s="809">
        <v>1.4</v>
      </c>
      <c r="X40" s="808">
        <v>1.6</v>
      </c>
    </row>
    <row r="41" spans="1:24" ht="16.5" customHeight="1">
      <c r="A41" s="211"/>
      <c r="B41" s="802">
        <v>4.7</v>
      </c>
      <c r="C41" s="756" t="s">
        <v>476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2</v>
      </c>
      <c r="O41" s="810">
        <v>0.1</v>
      </c>
      <c r="P41" s="805" t="s">
        <v>44</v>
      </c>
      <c r="Q41" s="804" t="s">
        <v>44</v>
      </c>
      <c r="R41" s="803" t="s">
        <v>44</v>
      </c>
      <c r="S41" s="811">
        <v>4.5999999999999996</v>
      </c>
      <c r="T41" s="809">
        <v>4.9000000000000004</v>
      </c>
      <c r="U41" s="810">
        <v>4.2</v>
      </c>
      <c r="V41" s="808">
        <v>3.2</v>
      </c>
      <c r="W41" s="809">
        <v>3.3</v>
      </c>
      <c r="X41" s="808">
        <v>3.1</v>
      </c>
    </row>
    <row r="42" spans="1:24" ht="16.5" customHeight="1">
      <c r="A42" s="211"/>
      <c r="B42" s="802">
        <v>5.3</v>
      </c>
      <c r="C42" s="763" t="s">
        <v>605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1</v>
      </c>
      <c r="N42" s="816">
        <v>0.1</v>
      </c>
      <c r="O42" s="817">
        <v>0.1</v>
      </c>
      <c r="P42" s="812" t="s">
        <v>44</v>
      </c>
      <c r="Q42" s="813" t="s">
        <v>44</v>
      </c>
      <c r="R42" s="814" t="s">
        <v>44</v>
      </c>
      <c r="S42" s="818">
        <v>15.5</v>
      </c>
      <c r="T42" s="816">
        <v>16</v>
      </c>
      <c r="U42" s="817">
        <v>15</v>
      </c>
      <c r="V42" s="815">
        <v>17.2</v>
      </c>
      <c r="W42" s="816">
        <v>17</v>
      </c>
      <c r="X42" s="815">
        <v>17.399999999999999</v>
      </c>
    </row>
    <row r="43" spans="1:24" ht="16.5" customHeight="1">
      <c r="A43" s="211"/>
      <c r="B43" s="835">
        <v>4.8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1</v>
      </c>
      <c r="N43" s="809">
        <v>0.2</v>
      </c>
      <c r="O43" s="810">
        <v>0.1</v>
      </c>
      <c r="P43" s="805" t="s">
        <v>44</v>
      </c>
      <c r="Q43" s="804" t="s">
        <v>44</v>
      </c>
      <c r="R43" s="803" t="s">
        <v>44</v>
      </c>
      <c r="S43" s="811">
        <v>18.3</v>
      </c>
      <c r="T43" s="809">
        <v>18.7</v>
      </c>
      <c r="U43" s="810">
        <v>17.899999999999999</v>
      </c>
      <c r="V43" s="808">
        <v>20.8</v>
      </c>
      <c r="W43" s="809">
        <v>20.7</v>
      </c>
      <c r="X43" s="808">
        <v>20.8</v>
      </c>
    </row>
    <row r="44" spans="1:24" ht="16.5" customHeight="1">
      <c r="A44" s="729" t="s">
        <v>586</v>
      </c>
      <c r="B44" s="802">
        <v>5</v>
      </c>
      <c r="C44" s="756" t="s">
        <v>479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2</v>
      </c>
      <c r="N44" s="809">
        <v>0.2</v>
      </c>
      <c r="O44" s="810">
        <v>0.2</v>
      </c>
      <c r="P44" s="805" t="s">
        <v>44</v>
      </c>
      <c r="Q44" s="804" t="s">
        <v>44</v>
      </c>
      <c r="R44" s="803" t="s">
        <v>44</v>
      </c>
      <c r="S44" s="811">
        <v>13.3</v>
      </c>
      <c r="T44" s="809">
        <v>13.4</v>
      </c>
      <c r="U44" s="810">
        <v>13.2</v>
      </c>
      <c r="V44" s="808">
        <v>13.8</v>
      </c>
      <c r="W44" s="809">
        <v>14.2</v>
      </c>
      <c r="X44" s="808">
        <v>13.4</v>
      </c>
    </row>
    <row r="45" spans="1:24" ht="16.5" customHeight="1">
      <c r="A45" s="729"/>
      <c r="B45" s="802">
        <v>6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4</v>
      </c>
      <c r="N45" s="809">
        <v>0.5</v>
      </c>
      <c r="O45" s="810">
        <v>0.3</v>
      </c>
      <c r="P45" s="805" t="s">
        <v>44</v>
      </c>
      <c r="Q45" s="804" t="s">
        <v>44</v>
      </c>
      <c r="R45" s="803" t="s">
        <v>44</v>
      </c>
      <c r="S45" s="811">
        <v>9.6</v>
      </c>
      <c r="T45" s="809">
        <v>9.9</v>
      </c>
      <c r="U45" s="810">
        <v>9.4</v>
      </c>
      <c r="V45" s="808">
        <v>9.1999999999999993</v>
      </c>
      <c r="W45" s="809">
        <v>9.6999999999999993</v>
      </c>
      <c r="X45" s="808">
        <v>8.6999999999999993</v>
      </c>
    </row>
    <row r="46" spans="1:24" ht="16.5" customHeight="1">
      <c r="A46" s="731"/>
      <c r="B46" s="802">
        <v>7.2</v>
      </c>
      <c r="C46" s="756" t="s">
        <v>567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5</v>
      </c>
      <c r="N46" s="809">
        <v>0.6</v>
      </c>
      <c r="O46" s="810">
        <v>0.4</v>
      </c>
      <c r="P46" s="805" t="s">
        <v>44</v>
      </c>
      <c r="Q46" s="804" t="s">
        <v>44</v>
      </c>
      <c r="R46" s="803" t="s">
        <v>44</v>
      </c>
      <c r="S46" s="811">
        <v>6.5</v>
      </c>
      <c r="T46" s="809">
        <v>6.9</v>
      </c>
      <c r="U46" s="810">
        <v>6.2</v>
      </c>
      <c r="V46" s="808">
        <v>6.3</v>
      </c>
      <c r="W46" s="809">
        <v>6.7</v>
      </c>
      <c r="X46" s="808">
        <v>5.8</v>
      </c>
    </row>
    <row r="47" spans="1:24" ht="16.5" customHeight="1">
      <c r="A47" s="731"/>
      <c r="B47" s="802">
        <v>8.5</v>
      </c>
      <c r="C47" s="763" t="s">
        <v>607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2</v>
      </c>
      <c r="N47" s="816">
        <v>1.4</v>
      </c>
      <c r="O47" s="817">
        <v>0.9</v>
      </c>
      <c r="P47" s="812" t="s">
        <v>44</v>
      </c>
      <c r="Q47" s="813" t="s">
        <v>44</v>
      </c>
      <c r="R47" s="814" t="s">
        <v>44</v>
      </c>
      <c r="S47" s="818">
        <v>5.2</v>
      </c>
      <c r="T47" s="816">
        <v>5.3</v>
      </c>
      <c r="U47" s="817">
        <v>5.0999999999999996</v>
      </c>
      <c r="V47" s="815">
        <v>5.0999999999999996</v>
      </c>
      <c r="W47" s="816">
        <v>5.4</v>
      </c>
      <c r="X47" s="815">
        <v>4.7</v>
      </c>
    </row>
    <row r="48" spans="1:24" ht="16.5" customHeight="1">
      <c r="A48" s="729" t="s">
        <v>520</v>
      </c>
      <c r="B48" s="835">
        <v>7.5</v>
      </c>
      <c r="C48" s="756" t="s">
        <v>608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9</v>
      </c>
      <c r="N48" s="809">
        <v>2.6</v>
      </c>
      <c r="O48" s="810">
        <v>1.2</v>
      </c>
      <c r="P48" s="805" t="s">
        <v>44</v>
      </c>
      <c r="Q48" s="804" t="s">
        <v>44</v>
      </c>
      <c r="R48" s="803" t="s">
        <v>44</v>
      </c>
      <c r="S48" s="811">
        <v>4</v>
      </c>
      <c r="T48" s="809">
        <v>4.3</v>
      </c>
      <c r="U48" s="810">
        <v>3.6</v>
      </c>
      <c r="V48" s="808">
        <v>4</v>
      </c>
      <c r="W48" s="809">
        <v>4.0999999999999996</v>
      </c>
      <c r="X48" s="808">
        <v>3.8</v>
      </c>
    </row>
    <row r="49" spans="1:24" ht="16.5" customHeight="1">
      <c r="A49" s="731"/>
      <c r="B49" s="802">
        <v>6.2</v>
      </c>
      <c r="C49" s="756" t="s">
        <v>57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2.2000000000000002</v>
      </c>
      <c r="N49" s="809">
        <v>2.7</v>
      </c>
      <c r="O49" s="810">
        <v>1.7</v>
      </c>
      <c r="P49" s="805" t="s">
        <v>44</v>
      </c>
      <c r="Q49" s="804" t="s">
        <v>44</v>
      </c>
      <c r="R49" s="803" t="s">
        <v>44</v>
      </c>
      <c r="S49" s="811">
        <v>2.7</v>
      </c>
      <c r="T49" s="809">
        <v>2.8</v>
      </c>
      <c r="U49" s="810">
        <v>2.6</v>
      </c>
      <c r="V49" s="808">
        <v>2.6</v>
      </c>
      <c r="W49" s="809">
        <v>2.8</v>
      </c>
      <c r="X49" s="808">
        <v>2.4</v>
      </c>
    </row>
    <row r="50" spans="1:24" ht="16.5" customHeight="1">
      <c r="A50" s="729"/>
      <c r="B50" s="802">
        <v>5.4</v>
      </c>
      <c r="C50" s="756" t="s">
        <v>609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2.6</v>
      </c>
      <c r="N50" s="809">
        <v>3.3</v>
      </c>
      <c r="O50" s="810">
        <v>1.9</v>
      </c>
      <c r="P50" s="805" t="s">
        <v>44</v>
      </c>
      <c r="Q50" s="804" t="s">
        <v>44</v>
      </c>
      <c r="R50" s="803" t="s">
        <v>44</v>
      </c>
      <c r="S50" s="811">
        <v>2.1</v>
      </c>
      <c r="T50" s="809">
        <v>2.2999999999999998</v>
      </c>
      <c r="U50" s="810">
        <v>2</v>
      </c>
      <c r="V50" s="808">
        <v>1.9</v>
      </c>
      <c r="W50" s="809">
        <v>2.2000000000000002</v>
      </c>
      <c r="X50" s="808">
        <v>1.6</v>
      </c>
    </row>
    <row r="51" spans="1:24" ht="16.5" customHeight="1">
      <c r="A51" s="731"/>
      <c r="B51" s="802">
        <v>6.3</v>
      </c>
      <c r="C51" s="756" t="s">
        <v>610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5.5</v>
      </c>
      <c r="N51" s="809">
        <v>7</v>
      </c>
      <c r="O51" s="810">
        <v>3.9</v>
      </c>
      <c r="P51" s="805" t="s">
        <v>44</v>
      </c>
      <c r="Q51" s="804" t="s">
        <v>44</v>
      </c>
      <c r="R51" s="803" t="s">
        <v>44</v>
      </c>
      <c r="S51" s="811">
        <v>1.6</v>
      </c>
      <c r="T51" s="809">
        <v>1.6</v>
      </c>
      <c r="U51" s="810">
        <v>1.6</v>
      </c>
      <c r="V51" s="808">
        <v>1.6</v>
      </c>
      <c r="W51" s="809">
        <v>1.5</v>
      </c>
      <c r="X51" s="808">
        <v>1.6</v>
      </c>
    </row>
    <row r="52" spans="1:24" ht="16.5" customHeight="1">
      <c r="A52" s="729" t="s">
        <v>589</v>
      </c>
      <c r="B52" s="802">
        <v>7</v>
      </c>
      <c r="C52" s="763" t="s">
        <v>611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8.9</v>
      </c>
      <c r="N52" s="816">
        <v>11.3</v>
      </c>
      <c r="O52" s="817">
        <v>6.4</v>
      </c>
      <c r="P52" s="812" t="s">
        <v>44</v>
      </c>
      <c r="Q52" s="813" t="s">
        <v>44</v>
      </c>
      <c r="R52" s="814" t="s">
        <v>44</v>
      </c>
      <c r="S52" s="818">
        <v>1.5</v>
      </c>
      <c r="T52" s="816">
        <v>1.3</v>
      </c>
      <c r="U52" s="817">
        <v>1.6</v>
      </c>
      <c r="V52" s="815">
        <v>1.4</v>
      </c>
      <c r="W52" s="816">
        <v>1.2</v>
      </c>
      <c r="X52" s="815">
        <v>1.6</v>
      </c>
    </row>
    <row r="53" spans="1:24" ht="16.5" customHeight="1">
      <c r="A53" s="211"/>
      <c r="B53" s="835">
        <v>5.9</v>
      </c>
      <c r="C53" s="756" t="s">
        <v>624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2.6</v>
      </c>
      <c r="N53" s="809">
        <v>16.100000000000001</v>
      </c>
      <c r="O53" s="810">
        <v>8.8000000000000007</v>
      </c>
      <c r="P53" s="805" t="s">
        <v>44</v>
      </c>
      <c r="Q53" s="804" t="s">
        <v>44</v>
      </c>
      <c r="R53" s="803" t="s">
        <v>44</v>
      </c>
      <c r="S53" s="811">
        <v>1.3</v>
      </c>
      <c r="T53" s="809">
        <v>1</v>
      </c>
      <c r="U53" s="810">
        <v>1.7</v>
      </c>
      <c r="V53" s="808">
        <v>1.1000000000000001</v>
      </c>
      <c r="W53" s="809">
        <v>0.9</v>
      </c>
      <c r="X53" s="808">
        <v>1.4</v>
      </c>
    </row>
    <row r="54" spans="1:24" ht="16.5" customHeight="1">
      <c r="A54" s="211"/>
      <c r="B54" s="802">
        <v>4</v>
      </c>
      <c r="C54" s="756" t="s">
        <v>613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.2</v>
      </c>
      <c r="N54" s="809">
        <v>18.2</v>
      </c>
      <c r="O54" s="810">
        <v>14.1</v>
      </c>
      <c r="P54" s="805" t="s">
        <v>44</v>
      </c>
      <c r="Q54" s="804" t="s">
        <v>44</v>
      </c>
      <c r="R54" s="803" t="s">
        <v>44</v>
      </c>
      <c r="S54" s="811">
        <v>1.1000000000000001</v>
      </c>
      <c r="T54" s="809">
        <v>0.7</v>
      </c>
      <c r="U54" s="810">
        <v>1.6</v>
      </c>
      <c r="V54" s="808">
        <v>1</v>
      </c>
      <c r="W54" s="809">
        <v>0.8</v>
      </c>
      <c r="X54" s="808">
        <v>1.3</v>
      </c>
    </row>
    <row r="55" spans="1:24" ht="16.5" customHeight="1">
      <c r="A55" s="211"/>
      <c r="B55" s="802">
        <v>2.4</v>
      </c>
      <c r="C55" s="756" t="s">
        <v>614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19.5</v>
      </c>
      <c r="N55" s="809">
        <v>18.7</v>
      </c>
      <c r="O55" s="810">
        <v>20.5</v>
      </c>
      <c r="P55" s="805" t="s">
        <v>44</v>
      </c>
      <c r="Q55" s="804" t="s">
        <v>44</v>
      </c>
      <c r="R55" s="803" t="s">
        <v>44</v>
      </c>
      <c r="S55" s="811">
        <v>1</v>
      </c>
      <c r="T55" s="809">
        <v>0.6</v>
      </c>
      <c r="U55" s="810">
        <v>1.6</v>
      </c>
      <c r="V55" s="808">
        <v>0.8</v>
      </c>
      <c r="W55" s="809">
        <v>0.4</v>
      </c>
      <c r="X55" s="808">
        <v>1.2</v>
      </c>
    </row>
    <row r="56" spans="1:24" ht="16.5" customHeight="1">
      <c r="A56" s="211"/>
      <c r="B56" s="802">
        <v>1.1000000000000001</v>
      </c>
      <c r="C56" s="756" t="s">
        <v>636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7</v>
      </c>
      <c r="N56" s="809">
        <v>12.2</v>
      </c>
      <c r="O56" s="810">
        <v>22.2</v>
      </c>
      <c r="P56" s="805" t="s">
        <v>44</v>
      </c>
      <c r="Q56" s="804" t="s">
        <v>44</v>
      </c>
      <c r="R56" s="803" t="s">
        <v>44</v>
      </c>
      <c r="S56" s="811">
        <v>0.5</v>
      </c>
      <c r="T56" s="809">
        <v>0.3</v>
      </c>
      <c r="U56" s="810">
        <v>0.9</v>
      </c>
      <c r="V56" s="808">
        <v>0.4</v>
      </c>
      <c r="W56" s="809">
        <v>0.2</v>
      </c>
      <c r="X56" s="808">
        <v>0.7</v>
      </c>
    </row>
    <row r="57" spans="1:24" ht="16.5" customHeight="1">
      <c r="A57" s="211"/>
      <c r="B57" s="802">
        <v>0.3</v>
      </c>
      <c r="C57" s="763" t="s">
        <v>579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8</v>
      </c>
      <c r="N57" s="816">
        <v>3.5</v>
      </c>
      <c r="O57" s="817">
        <v>12.9</v>
      </c>
      <c r="P57" s="812" t="s">
        <v>44</v>
      </c>
      <c r="Q57" s="813" t="s">
        <v>44</v>
      </c>
      <c r="R57" s="814" t="s">
        <v>44</v>
      </c>
      <c r="S57" s="818">
        <v>0.1</v>
      </c>
      <c r="T57" s="816">
        <v>0.1</v>
      </c>
      <c r="U57" s="817">
        <v>0.3</v>
      </c>
      <c r="V57" s="815">
        <v>0.1</v>
      </c>
      <c r="W57" s="816">
        <v>0.1</v>
      </c>
      <c r="X57" s="815">
        <v>0.2</v>
      </c>
    </row>
    <row r="58" spans="1:24" ht="16.5" customHeight="1">
      <c r="A58" s="211"/>
      <c r="B58" s="835">
        <v>0.1</v>
      </c>
      <c r="C58" s="763" t="s">
        <v>616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13" t="s">
        <v>44</v>
      </c>
      <c r="M58" s="815">
        <v>2.2999999999999998</v>
      </c>
      <c r="N58" s="816">
        <v>0.7</v>
      </c>
      <c r="O58" s="816">
        <v>3.9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36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2.3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4</v>
      </c>
      <c r="N60" s="809">
        <v>0.3</v>
      </c>
      <c r="O60" s="810">
        <v>0.5</v>
      </c>
      <c r="P60" s="805" t="s">
        <v>44</v>
      </c>
      <c r="Q60" s="804" t="s">
        <v>44</v>
      </c>
      <c r="R60" s="803" t="s">
        <v>44</v>
      </c>
      <c r="S60" s="811">
        <v>10.8</v>
      </c>
      <c r="T60" s="809">
        <v>10.1</v>
      </c>
      <c r="U60" s="810">
        <v>11.6</v>
      </c>
      <c r="V60" s="808">
        <v>9.4</v>
      </c>
      <c r="W60" s="809">
        <v>8.9</v>
      </c>
      <c r="X60" s="808">
        <v>10.1</v>
      </c>
    </row>
    <row r="61" spans="1:24" ht="16.5" customHeight="1">
      <c r="A61" s="211"/>
      <c r="B61" s="802">
        <v>60.6</v>
      </c>
      <c r="C61" s="756" t="s">
        <v>582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9.5</v>
      </c>
      <c r="N61" s="809">
        <v>11.9</v>
      </c>
      <c r="O61" s="810">
        <v>6.8</v>
      </c>
      <c r="P61" s="805" t="s">
        <v>44</v>
      </c>
      <c r="Q61" s="804" t="s">
        <v>44</v>
      </c>
      <c r="R61" s="803" t="s">
        <v>44</v>
      </c>
      <c r="S61" s="811">
        <v>81.900000000000006</v>
      </c>
      <c r="T61" s="809">
        <v>84.3</v>
      </c>
      <c r="U61" s="810">
        <v>79.099999999999994</v>
      </c>
      <c r="V61" s="808">
        <v>84.1</v>
      </c>
      <c r="W61" s="809">
        <v>86</v>
      </c>
      <c r="X61" s="808">
        <v>81.900000000000006</v>
      </c>
    </row>
    <row r="62" spans="1:24" ht="16.5" customHeight="1" thickBot="1">
      <c r="A62" s="824"/>
      <c r="B62" s="825">
        <v>27</v>
      </c>
      <c r="C62" s="826" t="s">
        <v>617</v>
      </c>
      <c r="D62" s="812" t="s">
        <v>44</v>
      </c>
      <c r="E62" s="813" t="s">
        <v>44</v>
      </c>
      <c r="F62" s="814" t="s">
        <v>44</v>
      </c>
      <c r="G62" s="812" t="s">
        <v>44</v>
      </c>
      <c r="H62" s="813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31">
        <v>90.2</v>
      </c>
      <c r="N62" s="830">
        <v>87.8</v>
      </c>
      <c r="O62" s="831">
        <v>92.7</v>
      </c>
      <c r="P62" s="828" t="s">
        <v>44</v>
      </c>
      <c r="Q62" s="827" t="s">
        <v>44</v>
      </c>
      <c r="R62" s="827" t="s">
        <v>44</v>
      </c>
      <c r="S62" s="832">
        <v>7.3</v>
      </c>
      <c r="T62" s="830">
        <v>5.6</v>
      </c>
      <c r="U62" s="831">
        <v>9.3000000000000007</v>
      </c>
      <c r="V62" s="829">
        <v>6.5</v>
      </c>
      <c r="W62" s="830">
        <v>5.2</v>
      </c>
      <c r="X62" s="829">
        <v>8</v>
      </c>
    </row>
    <row r="63" spans="1:24" ht="15" thickTop="1">
      <c r="A63" s="296" t="s">
        <v>627</v>
      </c>
      <c r="B63" s="1314" t="s">
        <v>537</v>
      </c>
      <c r="C63" s="1314"/>
      <c r="D63" s="1314"/>
      <c r="E63" s="1314"/>
      <c r="F63" s="1314"/>
      <c r="G63" s="1314"/>
      <c r="H63" s="1314"/>
      <c r="I63" s="1314"/>
    </row>
    <row r="64" spans="1:24" ht="14.25">
      <c r="B64" s="296" t="s">
        <v>538</v>
      </c>
      <c r="C64" s="296"/>
      <c r="D64" s="296"/>
      <c r="E64" s="296"/>
      <c r="F64" s="296"/>
      <c r="G64" s="296"/>
      <c r="H64" s="296"/>
      <c r="I64" s="296"/>
    </row>
    <row r="65" spans="2:9" ht="14.25">
      <c r="B65" s="1315" t="s">
        <v>591</v>
      </c>
      <c r="C65" s="1315"/>
      <c r="D65" s="1315"/>
      <c r="E65" s="1315"/>
      <c r="F65" s="1315"/>
      <c r="G65" s="1315"/>
      <c r="H65" s="1315"/>
      <c r="I65" s="1315"/>
    </row>
  </sheetData>
  <mergeCells count="18">
    <mergeCell ref="S4:U4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  <mergeCell ref="B63:I63"/>
    <mergeCell ref="B65:I65"/>
    <mergeCell ref="P4:R4"/>
    <mergeCell ref="A4:B4"/>
    <mergeCell ref="C4:C5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&amp;10-34-</oddFooter>
    <evenFooter>&amp;C&amp;"ＭＳ ゴシック,太字"&amp;10-35-</even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2"/>
  <sheetViews>
    <sheetView zoomScaleNormal="100" workbookViewId="0"/>
  </sheetViews>
  <sheetFormatPr defaultRowHeight="12"/>
  <cols>
    <col min="1" max="1" width="6.5" style="69" customWidth="1"/>
    <col min="2" max="2" width="12.375" style="69" customWidth="1"/>
    <col min="3" max="3" width="13.75" style="69" customWidth="1"/>
    <col min="4" max="4" width="9.75" style="69" customWidth="1"/>
    <col min="5" max="5" width="13.75" style="69" customWidth="1"/>
    <col min="6" max="6" width="9.75" style="69" customWidth="1"/>
    <col min="7" max="7" width="13.75" style="69" customWidth="1"/>
    <col min="8" max="8" width="9.75" style="69" customWidth="1"/>
    <col min="9" max="16384" width="9" style="69"/>
  </cols>
  <sheetData>
    <row r="1" spans="1:9" ht="17.25" customHeight="1" thickBot="1">
      <c r="A1" s="68" t="s">
        <v>52</v>
      </c>
    </row>
    <row r="2" spans="1:9" ht="13.5" customHeight="1" thickTop="1">
      <c r="A2" s="70" t="s">
        <v>53</v>
      </c>
      <c r="B2" s="71"/>
      <c r="C2" s="1204" t="s">
        <v>54</v>
      </c>
      <c r="D2" s="1205"/>
      <c r="E2" s="1204" t="s">
        <v>55</v>
      </c>
      <c r="F2" s="1205"/>
      <c r="G2" s="1204" t="s">
        <v>56</v>
      </c>
      <c r="H2" s="1208"/>
      <c r="I2" s="72"/>
    </row>
    <row r="3" spans="1:9" ht="13.5" customHeight="1">
      <c r="A3" s="73" t="s">
        <v>57</v>
      </c>
      <c r="B3" s="74" t="s">
        <v>58</v>
      </c>
      <c r="C3" s="1206"/>
      <c r="D3" s="1207"/>
      <c r="E3" s="1206"/>
      <c r="F3" s="1207"/>
      <c r="G3" s="1206"/>
      <c r="H3" s="1209"/>
      <c r="I3" s="72"/>
    </row>
    <row r="4" spans="1:9" ht="13.5" customHeight="1">
      <c r="A4" s="75" t="s">
        <v>59</v>
      </c>
      <c r="B4" s="76"/>
      <c r="C4" s="77" t="s">
        <v>60</v>
      </c>
      <c r="D4" s="78" t="s">
        <v>61</v>
      </c>
      <c r="E4" s="77" t="s">
        <v>62</v>
      </c>
      <c r="F4" s="79" t="s">
        <v>63</v>
      </c>
      <c r="G4" s="77" t="s">
        <v>62</v>
      </c>
      <c r="H4" s="79" t="s">
        <v>63</v>
      </c>
    </row>
    <row r="5" spans="1:9" ht="9.75" customHeight="1">
      <c r="A5" s="73"/>
      <c r="B5" s="80"/>
      <c r="C5" s="81" t="s">
        <v>13</v>
      </c>
      <c r="D5" s="82" t="s">
        <v>64</v>
      </c>
      <c r="E5" s="81" t="s">
        <v>13</v>
      </c>
      <c r="F5" s="83" t="s">
        <v>65</v>
      </c>
      <c r="G5" s="81" t="s">
        <v>13</v>
      </c>
      <c r="H5" s="83" t="s">
        <v>65</v>
      </c>
      <c r="I5" s="72"/>
    </row>
    <row r="6" spans="1:9" ht="13.5" customHeight="1">
      <c r="A6" s="84"/>
      <c r="B6" s="85" t="s">
        <v>1024</v>
      </c>
      <c r="C6" s="86">
        <v>9201825</v>
      </c>
      <c r="D6" s="87" t="s">
        <v>66</v>
      </c>
      <c r="E6" s="88">
        <v>4585811</v>
      </c>
      <c r="F6" s="89" t="s">
        <v>67</v>
      </c>
      <c r="G6" s="88">
        <v>4616014</v>
      </c>
      <c r="H6" s="90" t="s">
        <v>68</v>
      </c>
    </row>
    <row r="7" spans="1:9" ht="12.6" customHeight="1">
      <c r="A7" s="84" t="s">
        <v>69</v>
      </c>
      <c r="B7" s="91" t="s">
        <v>1010</v>
      </c>
      <c r="C7" s="92">
        <v>712810</v>
      </c>
      <c r="D7" s="93">
        <v>7.8168428008688329</v>
      </c>
      <c r="E7" s="92">
        <v>365040</v>
      </c>
      <c r="F7" s="94">
        <v>8.046836716271633</v>
      </c>
      <c r="G7" s="92">
        <v>347770</v>
      </c>
      <c r="H7" s="93">
        <v>7.58915848219449</v>
      </c>
      <c r="I7" s="95"/>
    </row>
    <row r="8" spans="1:9" ht="12.6" customHeight="1">
      <c r="A8" s="84" t="s">
        <v>70</v>
      </c>
      <c r="B8" s="96" t="s">
        <v>1011</v>
      </c>
      <c r="C8" s="97">
        <v>795897</v>
      </c>
      <c r="D8" s="93">
        <v>8.7279944651212826</v>
      </c>
      <c r="E8" s="97">
        <v>407736</v>
      </c>
      <c r="F8" s="93">
        <v>8.9880150540919637</v>
      </c>
      <c r="G8" s="97">
        <v>388161</v>
      </c>
      <c r="H8" s="93">
        <v>8.4705850004517238</v>
      </c>
      <c r="I8" s="95"/>
    </row>
    <row r="9" spans="1:9" ht="12.6" customHeight="1">
      <c r="A9" s="84">
        <v>2</v>
      </c>
      <c r="B9" s="96" t="s">
        <v>1012</v>
      </c>
      <c r="C9" s="97">
        <v>1012286</v>
      </c>
      <c r="D9" s="93">
        <v>11.100967342658363</v>
      </c>
      <c r="E9" s="97">
        <v>529378</v>
      </c>
      <c r="F9" s="93">
        <v>11.669456298450703</v>
      </c>
      <c r="G9" s="97">
        <v>482908</v>
      </c>
      <c r="H9" s="93">
        <v>10.538187147596334</v>
      </c>
      <c r="I9" s="95"/>
    </row>
    <row r="10" spans="1:9" ht="12.6" customHeight="1">
      <c r="A10" s="84" t="s">
        <v>59</v>
      </c>
      <c r="B10" s="96" t="s">
        <v>71</v>
      </c>
      <c r="C10" s="97">
        <v>1076714</v>
      </c>
      <c r="D10" s="93">
        <v>11.807500006305585</v>
      </c>
      <c r="E10" s="97">
        <v>555265</v>
      </c>
      <c r="F10" s="93">
        <v>12.240101877220491</v>
      </c>
      <c r="G10" s="98">
        <v>521449</v>
      </c>
      <c r="H10" s="93">
        <v>11.379242319296761</v>
      </c>
      <c r="I10" s="95"/>
    </row>
    <row r="11" spans="1:9" ht="12.6" customHeight="1">
      <c r="A11" s="84">
        <v>1</v>
      </c>
      <c r="B11" s="99" t="s">
        <v>72</v>
      </c>
      <c r="C11" s="100">
        <v>1446403</v>
      </c>
      <c r="D11" s="101">
        <v>15.861596887957635</v>
      </c>
      <c r="E11" s="100">
        <v>740763</v>
      </c>
      <c r="F11" s="101">
        <v>16.329166410408511</v>
      </c>
      <c r="G11" s="100">
        <v>705640</v>
      </c>
      <c r="H11" s="102">
        <v>15.398722694239641</v>
      </c>
      <c r="I11" s="95"/>
    </row>
    <row r="12" spans="1:9" ht="12.6" customHeight="1">
      <c r="A12" s="84" t="s">
        <v>73</v>
      </c>
      <c r="B12" s="96" t="s">
        <v>1013</v>
      </c>
      <c r="C12" s="97">
        <v>1277590</v>
      </c>
      <c r="D12" s="93">
        <v>14.01035366221295</v>
      </c>
      <c r="E12" s="97">
        <v>662796</v>
      </c>
      <c r="F12" s="93">
        <v>14.610484298153553</v>
      </c>
      <c r="G12" s="97">
        <v>614794</v>
      </c>
      <c r="H12" s="93">
        <v>13.416249532456161</v>
      </c>
      <c r="I12" s="95"/>
    </row>
    <row r="13" spans="1:9" ht="12.6" customHeight="1">
      <c r="A13" s="84">
        <v>1</v>
      </c>
      <c r="B13" s="96" t="s">
        <v>1017</v>
      </c>
      <c r="C13" s="97">
        <v>1022297</v>
      </c>
      <c r="D13" s="93">
        <v>11.210750332907514</v>
      </c>
      <c r="E13" s="97">
        <v>508630</v>
      </c>
      <c r="F13" s="93">
        <v>11.212093356884836</v>
      </c>
      <c r="G13" s="97">
        <v>513667</v>
      </c>
      <c r="H13" s="93">
        <v>11.209420795564302</v>
      </c>
      <c r="I13" s="95"/>
    </row>
    <row r="14" spans="1:9" ht="12.6" customHeight="1">
      <c r="A14" s="84" t="s">
        <v>74</v>
      </c>
      <c r="B14" s="96" t="s">
        <v>1014</v>
      </c>
      <c r="C14" s="97">
        <v>1082155</v>
      </c>
      <c r="D14" s="93">
        <v>11.867167297280078</v>
      </c>
      <c r="E14" s="97">
        <v>501357</v>
      </c>
      <c r="F14" s="93">
        <v>11.051769437759688</v>
      </c>
      <c r="G14" s="97">
        <v>580798</v>
      </c>
      <c r="H14" s="93">
        <v>12.67437693918853</v>
      </c>
      <c r="I14" s="95"/>
    </row>
    <row r="15" spans="1:9" ht="12.6" customHeight="1">
      <c r="A15" s="84" t="s">
        <v>75</v>
      </c>
      <c r="B15" s="96" t="s">
        <v>1015</v>
      </c>
      <c r="C15" s="97">
        <v>562796</v>
      </c>
      <c r="D15" s="93">
        <v>6.1717538487924912</v>
      </c>
      <c r="E15" s="97">
        <v>230465</v>
      </c>
      <c r="F15" s="93">
        <v>5.0803041415065247</v>
      </c>
      <c r="G15" s="97">
        <v>332331</v>
      </c>
      <c r="H15" s="93">
        <v>7.2522432284158418</v>
      </c>
      <c r="I15" s="95"/>
    </row>
    <row r="16" spans="1:9" ht="12.6" customHeight="1">
      <c r="A16" s="84" t="s">
        <v>76</v>
      </c>
      <c r="B16" s="96" t="s">
        <v>1016</v>
      </c>
      <c r="C16" s="97">
        <v>125174</v>
      </c>
      <c r="D16" s="93">
        <v>1.3726876457344246</v>
      </c>
      <c r="E16" s="97">
        <v>34304</v>
      </c>
      <c r="F16" s="101">
        <v>0.75618750469806617</v>
      </c>
      <c r="G16" s="97">
        <v>90870</v>
      </c>
      <c r="H16" s="102">
        <v>1.9829968981712434</v>
      </c>
      <c r="I16" s="95"/>
    </row>
    <row r="17" spans="1:9" ht="12.6" customHeight="1">
      <c r="A17" s="84"/>
      <c r="B17" s="103" t="s">
        <v>77</v>
      </c>
      <c r="C17" s="104">
        <v>4777</v>
      </c>
      <c r="D17" s="105">
        <v>5.2385710160842876E-2</v>
      </c>
      <c r="E17" s="106">
        <v>707</v>
      </c>
      <c r="F17" s="93">
        <v>1.5584904554032556E-2</v>
      </c>
      <c r="G17" s="107">
        <v>4070</v>
      </c>
      <c r="H17" s="102">
        <v>8.8816962424969309E-2</v>
      </c>
      <c r="I17" s="95"/>
    </row>
    <row r="18" spans="1:9" ht="12.6" customHeight="1" thickBot="1">
      <c r="A18" s="108"/>
      <c r="B18" s="109" t="s">
        <v>1022</v>
      </c>
      <c r="C18" s="110">
        <v>82926</v>
      </c>
      <c r="D18" s="111" t="s">
        <v>78</v>
      </c>
      <c r="E18" s="110">
        <v>49370</v>
      </c>
      <c r="F18" s="111" t="s">
        <v>78</v>
      </c>
      <c r="G18" s="110">
        <v>33556</v>
      </c>
      <c r="H18" s="112" t="s">
        <v>78</v>
      </c>
      <c r="I18" s="95"/>
    </row>
    <row r="19" spans="1:9" ht="13.5" customHeight="1" thickTop="1">
      <c r="A19" s="84"/>
      <c r="B19" s="85" t="s">
        <v>1024</v>
      </c>
      <c r="C19" s="113">
        <v>9181625</v>
      </c>
      <c r="D19" s="114" t="s">
        <v>78</v>
      </c>
      <c r="E19" s="115">
        <v>4577523</v>
      </c>
      <c r="F19" s="116" t="s">
        <v>78</v>
      </c>
      <c r="G19" s="115">
        <v>4604102</v>
      </c>
      <c r="H19" s="117" t="s">
        <v>78</v>
      </c>
      <c r="I19" s="95"/>
    </row>
    <row r="20" spans="1:9" ht="12.6" customHeight="1">
      <c r="A20" s="84" t="s">
        <v>79</v>
      </c>
      <c r="B20" s="91" t="s">
        <v>1010</v>
      </c>
      <c r="C20" s="92">
        <v>722972</v>
      </c>
      <c r="D20" s="118">
        <v>7.9458832521001082</v>
      </c>
      <c r="E20" s="92">
        <v>369916</v>
      </c>
      <c r="F20" s="119">
        <v>8.1692469313647305</v>
      </c>
      <c r="G20" s="92">
        <v>353056</v>
      </c>
      <c r="H20" s="119">
        <v>7.724591328913438</v>
      </c>
      <c r="I20" s="95"/>
    </row>
    <row r="21" spans="1:9" ht="12.6" customHeight="1">
      <c r="A21" s="84" t="s">
        <v>80</v>
      </c>
      <c r="B21" s="96" t="s">
        <v>1011</v>
      </c>
      <c r="C21" s="97">
        <v>801435</v>
      </c>
      <c r="D21" s="120">
        <v>8.8082373095318349</v>
      </c>
      <c r="E21" s="97">
        <v>410565</v>
      </c>
      <c r="F21" s="121">
        <v>9.066941863492687</v>
      </c>
      <c r="G21" s="97">
        <v>390870</v>
      </c>
      <c r="H21" s="121">
        <v>8.5519323074311036</v>
      </c>
      <c r="I21" s="95"/>
    </row>
    <row r="22" spans="1:9" ht="12.6" customHeight="1">
      <c r="A22" s="84">
        <v>31</v>
      </c>
      <c r="B22" s="96" t="s">
        <v>1020</v>
      </c>
      <c r="C22" s="97">
        <v>995329</v>
      </c>
      <c r="D22" s="120">
        <v>10.939245270120486</v>
      </c>
      <c r="E22" s="97">
        <v>520556</v>
      </c>
      <c r="F22" s="121">
        <v>11.49598964522621</v>
      </c>
      <c r="G22" s="97">
        <v>474773</v>
      </c>
      <c r="H22" s="121">
        <v>10.387664843543856</v>
      </c>
      <c r="I22" s="95"/>
    </row>
    <row r="23" spans="1:9" ht="12.6" customHeight="1">
      <c r="A23" s="84" t="s">
        <v>59</v>
      </c>
      <c r="B23" s="96" t="s">
        <v>71</v>
      </c>
      <c r="C23" s="97">
        <v>1102019</v>
      </c>
      <c r="D23" s="120">
        <v>12.111830493568366</v>
      </c>
      <c r="E23" s="97">
        <v>568179</v>
      </c>
      <c r="F23" s="121">
        <v>12.547698807880387</v>
      </c>
      <c r="G23" s="98">
        <v>533840</v>
      </c>
      <c r="H23" s="121">
        <v>11.680004970959706</v>
      </c>
      <c r="I23" s="95"/>
    </row>
    <row r="24" spans="1:9" ht="12.6" customHeight="1">
      <c r="A24" s="84">
        <v>1</v>
      </c>
      <c r="B24" s="99" t="s">
        <v>81</v>
      </c>
      <c r="C24" s="122">
        <v>1473665</v>
      </c>
      <c r="D24" s="123">
        <v>16.196436435582715</v>
      </c>
      <c r="E24" s="122">
        <v>755533</v>
      </c>
      <c r="F24" s="124">
        <v>16.685235679978128</v>
      </c>
      <c r="G24" s="122">
        <v>718132</v>
      </c>
      <c r="H24" s="124">
        <v>15.712170931000365</v>
      </c>
    </row>
    <row r="25" spans="1:9" ht="12.6" customHeight="1">
      <c r="A25" s="84" t="s">
        <v>73</v>
      </c>
      <c r="B25" s="96" t="s">
        <v>1018</v>
      </c>
      <c r="C25" s="125">
        <v>1231135</v>
      </c>
      <c r="D25" s="126">
        <v>13.530890515226407</v>
      </c>
      <c r="E25" s="125">
        <v>639333</v>
      </c>
      <c r="F25" s="127">
        <v>14.119067973189066</v>
      </c>
      <c r="G25" s="125">
        <v>591802</v>
      </c>
      <c r="H25" s="127">
        <v>12.948168555791803</v>
      </c>
    </row>
    <row r="26" spans="1:9" ht="12.6" customHeight="1">
      <c r="A26" s="84">
        <v>1</v>
      </c>
      <c r="B26" s="96" t="s">
        <v>1017</v>
      </c>
      <c r="C26" s="125">
        <v>1068250</v>
      </c>
      <c r="D26" s="126">
        <v>11.74068952055673</v>
      </c>
      <c r="E26" s="125">
        <v>528702</v>
      </c>
      <c r="F26" s="127">
        <v>11.675886393414709</v>
      </c>
      <c r="G26" s="125">
        <v>539548</v>
      </c>
      <c r="H26" s="127">
        <v>11.804891581881026</v>
      </c>
    </row>
    <row r="27" spans="1:9" ht="12.6" customHeight="1">
      <c r="A27" s="84" t="s">
        <v>74</v>
      </c>
      <c r="B27" s="96" t="s">
        <v>1021</v>
      </c>
      <c r="C27" s="125">
        <v>1037862</v>
      </c>
      <c r="D27" s="126">
        <v>11.406707706233606</v>
      </c>
      <c r="E27" s="125">
        <v>481538</v>
      </c>
      <c r="F27" s="127">
        <v>10.634313814042944</v>
      </c>
      <c r="G27" s="125">
        <v>556324</v>
      </c>
      <c r="H27" s="127">
        <v>12.171937444672912</v>
      </c>
    </row>
    <row r="28" spans="1:9" ht="12.6" customHeight="1">
      <c r="A28" s="84" t="s">
        <v>75</v>
      </c>
      <c r="B28" s="96" t="s">
        <v>1015</v>
      </c>
      <c r="C28" s="125">
        <v>544341</v>
      </c>
      <c r="D28" s="126">
        <v>5.9826245488503353</v>
      </c>
      <c r="E28" s="125">
        <v>221599</v>
      </c>
      <c r="F28" s="127">
        <v>4.893805487579594</v>
      </c>
      <c r="G28" s="125">
        <v>322742</v>
      </c>
      <c r="H28" s="127">
        <v>7.0613445308284826</v>
      </c>
    </row>
    <row r="29" spans="1:9" ht="12.6" customHeight="1">
      <c r="A29" s="84" t="s">
        <v>76</v>
      </c>
      <c r="B29" s="96" t="s">
        <v>1019</v>
      </c>
      <c r="C29" s="125">
        <v>117274</v>
      </c>
      <c r="D29" s="126">
        <v>1.288909546298872</v>
      </c>
      <c r="E29" s="125">
        <v>31577</v>
      </c>
      <c r="F29" s="127">
        <v>0.69734834489912334</v>
      </c>
      <c r="G29" s="125">
        <v>85697</v>
      </c>
      <c r="H29" s="127">
        <v>1.8749838640722574</v>
      </c>
    </row>
    <row r="30" spans="1:9" ht="12.6" customHeight="1">
      <c r="A30" s="84"/>
      <c r="B30" s="103" t="s">
        <v>77</v>
      </c>
      <c r="C30" s="128">
        <v>4417</v>
      </c>
      <c r="D30" s="129">
        <v>4.8545401930539744E-2</v>
      </c>
      <c r="E30" s="130">
        <v>655</v>
      </c>
      <c r="F30" s="131">
        <v>1.4465058932416815E-2</v>
      </c>
      <c r="G30" s="132">
        <v>3762</v>
      </c>
      <c r="H30" s="131">
        <v>8.2309640905047221E-2</v>
      </c>
    </row>
    <row r="31" spans="1:9" ht="12.6" customHeight="1" thickBot="1">
      <c r="A31" s="108"/>
      <c r="B31" s="109" t="s">
        <v>1022</v>
      </c>
      <c r="C31" s="133">
        <v>82926</v>
      </c>
      <c r="D31" s="134" t="s">
        <v>78</v>
      </c>
      <c r="E31" s="133">
        <v>49370</v>
      </c>
      <c r="F31" s="134" t="s">
        <v>78</v>
      </c>
      <c r="G31" s="133">
        <v>33556</v>
      </c>
      <c r="H31" s="134" t="s">
        <v>78</v>
      </c>
    </row>
    <row r="32" spans="1:9" ht="13.5" customHeight="1" thickTop="1">
      <c r="A32" s="84"/>
      <c r="B32" s="135" t="s">
        <v>1024</v>
      </c>
      <c r="C32" s="86">
        <v>9163279</v>
      </c>
      <c r="D32" s="136" t="s">
        <v>78</v>
      </c>
      <c r="E32" s="88">
        <v>4570674</v>
      </c>
      <c r="F32" s="89" t="s">
        <v>78</v>
      </c>
      <c r="G32" s="88">
        <v>4592605</v>
      </c>
      <c r="H32" s="137" t="s">
        <v>78</v>
      </c>
    </row>
    <row r="33" spans="1:8" ht="12.6" customHeight="1">
      <c r="A33" s="84" t="s">
        <v>79</v>
      </c>
      <c r="B33" s="91" t="s">
        <v>1010</v>
      </c>
      <c r="C33" s="138">
        <v>731832</v>
      </c>
      <c r="D33" s="139">
        <v>8.0595104617628852</v>
      </c>
      <c r="E33" s="138">
        <v>374425</v>
      </c>
      <c r="F33" s="140">
        <v>8.281349805277415</v>
      </c>
      <c r="G33" s="138">
        <v>357407</v>
      </c>
      <c r="H33" s="140">
        <v>7.8395077569905478</v>
      </c>
    </row>
    <row r="34" spans="1:8" ht="12.6" customHeight="1">
      <c r="A34" s="84" t="s">
        <v>80</v>
      </c>
      <c r="B34" s="96" t="s">
        <v>82</v>
      </c>
      <c r="C34" s="125">
        <v>806300</v>
      </c>
      <c r="D34" s="126">
        <v>8.8796107376001796</v>
      </c>
      <c r="E34" s="125">
        <v>413054</v>
      </c>
      <c r="F34" s="127">
        <v>9.1357272149804576</v>
      </c>
      <c r="G34" s="125">
        <v>393246</v>
      </c>
      <c r="H34" s="127">
        <v>8.6256146841150425</v>
      </c>
    </row>
    <row r="35" spans="1:8" ht="12.6" customHeight="1">
      <c r="A35" s="84">
        <v>30</v>
      </c>
      <c r="B35" s="96" t="s">
        <v>83</v>
      </c>
      <c r="C35" s="125">
        <v>984389</v>
      </c>
      <c r="D35" s="126">
        <v>10.840867089638476</v>
      </c>
      <c r="E35" s="125">
        <v>514354</v>
      </c>
      <c r="F35" s="127">
        <v>11.376231281948748</v>
      </c>
      <c r="G35" s="125">
        <v>470035</v>
      </c>
      <c r="H35" s="127">
        <v>10.309935251847479</v>
      </c>
    </row>
    <row r="36" spans="1:8" ht="12.6" customHeight="1">
      <c r="A36" s="84" t="s">
        <v>59</v>
      </c>
      <c r="B36" s="96" t="s">
        <v>84</v>
      </c>
      <c r="C36" s="125">
        <v>1129691</v>
      </c>
      <c r="D36" s="126">
        <v>12.441047170743252</v>
      </c>
      <c r="E36" s="125">
        <v>582565</v>
      </c>
      <c r="F36" s="127">
        <v>12.884888961237731</v>
      </c>
      <c r="G36" s="141">
        <v>547126</v>
      </c>
      <c r="H36" s="127">
        <v>12.000880008089407</v>
      </c>
    </row>
    <row r="37" spans="1:8" ht="12.6" customHeight="1">
      <c r="A37" s="84">
        <v>1</v>
      </c>
      <c r="B37" s="99" t="s">
        <v>85</v>
      </c>
      <c r="C37" s="122">
        <v>1495249</v>
      </c>
      <c r="D37" s="123">
        <v>16.466859823621395</v>
      </c>
      <c r="E37" s="122">
        <v>768424</v>
      </c>
      <c r="F37" s="124">
        <v>16.995627810030026</v>
      </c>
      <c r="G37" s="122">
        <v>726825</v>
      </c>
      <c r="H37" s="124">
        <v>15.942469580827053</v>
      </c>
    </row>
    <row r="38" spans="1:8" ht="12.6" customHeight="1">
      <c r="A38" s="84" t="s">
        <v>73</v>
      </c>
      <c r="B38" s="96" t="s">
        <v>86</v>
      </c>
      <c r="C38" s="125">
        <v>1186602</v>
      </c>
      <c r="D38" s="126">
        <v>13.06779593260306</v>
      </c>
      <c r="E38" s="125">
        <v>615733</v>
      </c>
      <c r="F38" s="127">
        <v>13.61848263244409</v>
      </c>
      <c r="G38" s="125">
        <v>570869</v>
      </c>
      <c r="H38" s="127">
        <v>12.521668444449711</v>
      </c>
    </row>
    <row r="39" spans="1:8" ht="12.6" customHeight="1">
      <c r="A39" s="84">
        <v>1</v>
      </c>
      <c r="B39" s="96" t="s">
        <v>87</v>
      </c>
      <c r="C39" s="125">
        <v>1113300</v>
      </c>
      <c r="D39" s="126">
        <v>12.260536567245788</v>
      </c>
      <c r="E39" s="125">
        <v>548798</v>
      </c>
      <c r="F39" s="127">
        <v>12.138046899743967</v>
      </c>
      <c r="G39" s="125">
        <v>564502</v>
      </c>
      <c r="H39" s="127">
        <v>12.382012125774477</v>
      </c>
    </row>
    <row r="40" spans="1:8" ht="12.6" customHeight="1">
      <c r="A40" s="84" t="s">
        <v>74</v>
      </c>
      <c r="B40" s="96" t="s">
        <v>88</v>
      </c>
      <c r="C40" s="125">
        <v>991863</v>
      </c>
      <c r="D40" s="126">
        <v>10.923176665048153</v>
      </c>
      <c r="E40" s="125">
        <v>461260</v>
      </c>
      <c r="F40" s="127">
        <v>10.201924046690955</v>
      </c>
      <c r="G40" s="125">
        <v>530603</v>
      </c>
      <c r="H40" s="127">
        <v>11.638457932783789</v>
      </c>
    </row>
    <row r="41" spans="1:8" ht="12.6" customHeight="1">
      <c r="A41" s="84" t="s">
        <v>75</v>
      </c>
      <c r="B41" s="96" t="s">
        <v>89</v>
      </c>
      <c r="C41" s="125">
        <v>528188</v>
      </c>
      <c r="D41" s="126">
        <v>5.8168223195728181</v>
      </c>
      <c r="E41" s="125">
        <v>213254</v>
      </c>
      <c r="F41" s="127">
        <v>4.7166481174457635</v>
      </c>
      <c r="G41" s="125">
        <v>314934</v>
      </c>
      <c r="H41" s="127">
        <v>6.9078880266476625</v>
      </c>
    </row>
    <row r="42" spans="1:8" ht="12.6" customHeight="1">
      <c r="A42" s="84" t="s">
        <v>76</v>
      </c>
      <c r="B42" s="96" t="s">
        <v>90</v>
      </c>
      <c r="C42" s="125">
        <v>108768</v>
      </c>
      <c r="D42" s="126">
        <v>1.1978388945892302</v>
      </c>
      <c r="E42" s="125">
        <v>28833</v>
      </c>
      <c r="F42" s="127">
        <v>0.63771425234843748</v>
      </c>
      <c r="G42" s="125">
        <v>79935</v>
      </c>
      <c r="H42" s="127">
        <v>1.7533261871061265</v>
      </c>
    </row>
    <row r="43" spans="1:8" ht="12.6" customHeight="1">
      <c r="A43" s="84"/>
      <c r="B43" s="103" t="s">
        <v>77</v>
      </c>
      <c r="C43" s="128">
        <v>4171</v>
      </c>
      <c r="D43" s="129">
        <v>4.5934337574761688E-2</v>
      </c>
      <c r="E43" s="130">
        <v>604</v>
      </c>
      <c r="F43" s="131">
        <v>1.3358977852407182E-2</v>
      </c>
      <c r="G43" s="132">
        <v>3567</v>
      </c>
      <c r="H43" s="131">
        <v>7.8240001368706499E-2</v>
      </c>
    </row>
    <row r="44" spans="1:8" ht="12.6" customHeight="1" thickBot="1">
      <c r="A44" s="108"/>
      <c r="B44" s="109" t="s">
        <v>1022</v>
      </c>
      <c r="C44" s="133">
        <v>82926</v>
      </c>
      <c r="D44" s="134" t="s">
        <v>78</v>
      </c>
      <c r="E44" s="133">
        <v>49370</v>
      </c>
      <c r="F44" s="134" t="s">
        <v>78</v>
      </c>
      <c r="G44" s="133">
        <v>33556</v>
      </c>
      <c r="H44" s="134" t="s">
        <v>78</v>
      </c>
    </row>
    <row r="45" spans="1:8" ht="13.5" customHeight="1" thickTop="1">
      <c r="A45" s="84"/>
      <c r="B45" s="85" t="s">
        <v>1024</v>
      </c>
      <c r="C45" s="86">
        <v>9147400</v>
      </c>
      <c r="D45" s="136" t="s">
        <v>78</v>
      </c>
      <c r="E45" s="88">
        <v>4566154</v>
      </c>
      <c r="F45" s="89" t="s">
        <v>78</v>
      </c>
      <c r="G45" s="88">
        <v>4581246</v>
      </c>
      <c r="H45" s="137" t="s">
        <v>78</v>
      </c>
    </row>
    <row r="46" spans="1:8" ht="12.6" customHeight="1">
      <c r="A46" s="84" t="s">
        <v>79</v>
      </c>
      <c r="B46" s="91" t="s">
        <v>1023</v>
      </c>
      <c r="C46" s="138">
        <v>739869</v>
      </c>
      <c r="D46" s="139">
        <v>8.1622938076715759</v>
      </c>
      <c r="E46" s="138">
        <v>378813</v>
      </c>
      <c r="F46" s="140">
        <v>8.3867858192908944</v>
      </c>
      <c r="G46" s="138">
        <v>361056</v>
      </c>
      <c r="H46" s="140">
        <v>7.9393274387656154</v>
      </c>
    </row>
    <row r="47" spans="1:8" ht="12.6" customHeight="1">
      <c r="A47" s="84" t="s">
        <v>80</v>
      </c>
      <c r="B47" s="96" t="s">
        <v>82</v>
      </c>
      <c r="C47" s="125">
        <v>813401</v>
      </c>
      <c r="D47" s="126">
        <v>8.9735046953634594</v>
      </c>
      <c r="E47" s="125">
        <v>417027</v>
      </c>
      <c r="F47" s="127">
        <v>9.2328302615312143</v>
      </c>
      <c r="G47" s="125">
        <v>396374</v>
      </c>
      <c r="H47" s="127">
        <v>8.7159414999703149</v>
      </c>
    </row>
    <row r="48" spans="1:8" ht="12.6" customHeight="1">
      <c r="A48" s="84">
        <v>29</v>
      </c>
      <c r="B48" s="96" t="s">
        <v>83</v>
      </c>
      <c r="C48" s="125">
        <v>975652</v>
      </c>
      <c r="D48" s="126">
        <v>10.763470665810283</v>
      </c>
      <c r="E48" s="125">
        <v>510332</v>
      </c>
      <c r="F48" s="127">
        <v>11.29856995596867</v>
      </c>
      <c r="G48" s="125">
        <v>465320</v>
      </c>
      <c r="H48" s="127">
        <v>10.23200789851551</v>
      </c>
    </row>
    <row r="49" spans="1:8" ht="12.6" customHeight="1">
      <c r="A49" s="84" t="s">
        <v>59</v>
      </c>
      <c r="B49" s="96" t="s">
        <v>84</v>
      </c>
      <c r="C49" s="125">
        <v>1161036</v>
      </c>
      <c r="D49" s="126">
        <v>12.80864173696124</v>
      </c>
      <c r="E49" s="125">
        <v>598345</v>
      </c>
      <c r="F49" s="127">
        <v>13.247146642389806</v>
      </c>
      <c r="G49" s="141">
        <v>562691</v>
      </c>
      <c r="H49" s="127">
        <v>12.373116901108034</v>
      </c>
    </row>
    <row r="50" spans="1:8" ht="12.6" customHeight="1">
      <c r="A50" s="84">
        <v>1</v>
      </c>
      <c r="B50" s="99" t="s">
        <v>85</v>
      </c>
      <c r="C50" s="122">
        <v>1518177</v>
      </c>
      <c r="D50" s="123">
        <v>16.748649728599808</v>
      </c>
      <c r="E50" s="122">
        <v>781886</v>
      </c>
      <c r="F50" s="124">
        <v>17.310679456887907</v>
      </c>
      <c r="G50" s="122">
        <v>736291</v>
      </c>
      <c r="H50" s="124">
        <v>16.190439541833328</v>
      </c>
    </row>
    <row r="51" spans="1:8" ht="12.6" customHeight="1">
      <c r="A51" s="84" t="s">
        <v>73</v>
      </c>
      <c r="B51" s="96" t="s">
        <v>86</v>
      </c>
      <c r="C51" s="125">
        <v>1130015</v>
      </c>
      <c r="D51" s="126">
        <v>12.466415591241146</v>
      </c>
      <c r="E51" s="125">
        <v>585448</v>
      </c>
      <c r="F51" s="127">
        <v>12.961611624554106</v>
      </c>
      <c r="G51" s="125">
        <v>544567</v>
      </c>
      <c r="H51" s="127">
        <v>11.974584899146599</v>
      </c>
    </row>
    <row r="52" spans="1:8" ht="12.6" customHeight="1">
      <c r="A52" s="84">
        <v>1</v>
      </c>
      <c r="B52" s="96" t="s">
        <v>87</v>
      </c>
      <c r="C52" s="125">
        <v>1167643</v>
      </c>
      <c r="D52" s="126">
        <v>12.881530687825901</v>
      </c>
      <c r="E52" s="125">
        <v>574123</v>
      </c>
      <c r="F52" s="127">
        <v>12.710880130641625</v>
      </c>
      <c r="G52" s="125">
        <v>593520</v>
      </c>
      <c r="H52" s="127">
        <v>13.051021507622551</v>
      </c>
    </row>
    <row r="53" spans="1:8" ht="12.6" customHeight="1">
      <c r="A53" s="84" t="s">
        <v>74</v>
      </c>
      <c r="B53" s="96" t="s">
        <v>88</v>
      </c>
      <c r="C53" s="125">
        <v>951343</v>
      </c>
      <c r="D53" s="126">
        <v>10.495291839327908</v>
      </c>
      <c r="E53" s="125">
        <v>442877</v>
      </c>
      <c r="F53" s="127">
        <v>9.8051401173932593</v>
      </c>
      <c r="G53" s="125">
        <v>508466</v>
      </c>
      <c r="H53" s="127">
        <v>11.180753305524343</v>
      </c>
    </row>
    <row r="54" spans="1:8" ht="12.6" customHeight="1">
      <c r="A54" s="84" t="s">
        <v>75</v>
      </c>
      <c r="B54" s="96" t="s">
        <v>89</v>
      </c>
      <c r="C54" s="125">
        <v>502167</v>
      </c>
      <c r="D54" s="126">
        <v>5.5399463885052791</v>
      </c>
      <c r="E54" s="125">
        <v>201165</v>
      </c>
      <c r="F54" s="127">
        <v>4.4537219402123283</v>
      </c>
      <c r="G54" s="125">
        <v>301002</v>
      </c>
      <c r="H54" s="127">
        <v>6.6187888796289975</v>
      </c>
    </row>
    <row r="55" spans="1:8" ht="12.6" customHeight="1">
      <c r="A55" s="84" t="s">
        <v>76</v>
      </c>
      <c r="B55" s="96" t="s">
        <v>90</v>
      </c>
      <c r="C55" s="125">
        <v>101305</v>
      </c>
      <c r="D55" s="126">
        <v>1.1176048384054056</v>
      </c>
      <c r="E55" s="125">
        <v>26214</v>
      </c>
      <c r="F55" s="127">
        <v>0.58036868710126499</v>
      </c>
      <c r="G55" s="125">
        <v>75091</v>
      </c>
      <c r="H55" s="127">
        <v>1.6511899447851548</v>
      </c>
    </row>
    <row r="56" spans="1:8" ht="12.6" customHeight="1">
      <c r="A56" s="84"/>
      <c r="B56" s="103" t="s">
        <v>77</v>
      </c>
      <c r="C56" s="128">
        <v>3866</v>
      </c>
      <c r="D56" s="129">
        <v>4.2650020287994646E-2</v>
      </c>
      <c r="E56" s="130">
        <v>554</v>
      </c>
      <c r="F56" s="131">
        <v>1.2265364028919692E-2</v>
      </c>
      <c r="G56" s="132">
        <v>3312</v>
      </c>
      <c r="H56" s="131">
        <v>7.2828183099551649E-2</v>
      </c>
    </row>
    <row r="57" spans="1:8" ht="12.6" customHeight="1" thickBot="1">
      <c r="A57" s="108"/>
      <c r="B57" s="109" t="s">
        <v>1022</v>
      </c>
      <c r="C57" s="133">
        <v>82926</v>
      </c>
      <c r="D57" s="134" t="s">
        <v>78</v>
      </c>
      <c r="E57" s="133">
        <v>49370</v>
      </c>
      <c r="F57" s="134" t="s">
        <v>78</v>
      </c>
      <c r="G57" s="133">
        <v>33556</v>
      </c>
      <c r="H57" s="134" t="s">
        <v>78</v>
      </c>
    </row>
    <row r="58" spans="1:8" ht="13.5" customHeight="1" thickTop="1">
      <c r="A58" s="84"/>
      <c r="B58" s="135" t="s">
        <v>1024</v>
      </c>
      <c r="C58" s="86">
        <v>9128037</v>
      </c>
      <c r="D58" s="142" t="s">
        <v>78</v>
      </c>
      <c r="E58" s="143">
        <v>4558967</v>
      </c>
      <c r="F58" s="144" t="s">
        <v>78</v>
      </c>
      <c r="G58" s="143">
        <v>4569070</v>
      </c>
      <c r="H58" s="145" t="s">
        <v>78</v>
      </c>
    </row>
    <row r="59" spans="1:8" ht="12.6" customHeight="1">
      <c r="A59" s="84" t="s">
        <v>79</v>
      </c>
      <c r="B59" s="91" t="s">
        <v>1023</v>
      </c>
      <c r="C59" s="138">
        <v>745060</v>
      </c>
      <c r="D59" s="139">
        <v>8.2371570675030963</v>
      </c>
      <c r="E59" s="138">
        <v>381309</v>
      </c>
      <c r="F59" s="140">
        <v>8.4555005691195912</v>
      </c>
      <c r="G59" s="138">
        <v>363751</v>
      </c>
      <c r="H59" s="146">
        <v>8.0200612323101641</v>
      </c>
    </row>
    <row r="60" spans="1:8" ht="12.6" customHeight="1">
      <c r="A60" s="84" t="s">
        <v>80</v>
      </c>
      <c r="B60" s="96" t="s">
        <v>82</v>
      </c>
      <c r="C60" s="125">
        <v>826539</v>
      </c>
      <c r="D60" s="126">
        <v>9.1379641443869506</v>
      </c>
      <c r="E60" s="125">
        <v>424772</v>
      </c>
      <c r="F60" s="127">
        <v>9.4192895728820112</v>
      </c>
      <c r="G60" s="125">
        <v>401767</v>
      </c>
      <c r="H60" s="147">
        <v>8.8582462759457918</v>
      </c>
    </row>
    <row r="61" spans="1:8" ht="12.6" customHeight="1">
      <c r="A61" s="84">
        <v>28</v>
      </c>
      <c r="B61" s="96" t="s">
        <v>83</v>
      </c>
      <c r="C61" s="125">
        <v>963172</v>
      </c>
      <c r="D61" s="126">
        <v>10.648537093685198</v>
      </c>
      <c r="E61" s="125">
        <v>503534</v>
      </c>
      <c r="F61" s="127">
        <v>11.165831447909868</v>
      </c>
      <c r="G61" s="125">
        <v>459638</v>
      </c>
      <c r="H61" s="147">
        <v>10.134198681781161</v>
      </c>
    </row>
    <row r="62" spans="1:8" ht="12.6" customHeight="1">
      <c r="A62" s="84" t="s">
        <v>59</v>
      </c>
      <c r="B62" s="96" t="s">
        <v>84</v>
      </c>
      <c r="C62" s="125">
        <v>1196795</v>
      </c>
      <c r="D62" s="126">
        <v>13.231402024806549</v>
      </c>
      <c r="E62" s="125">
        <v>616384</v>
      </c>
      <c r="F62" s="127">
        <v>13.668272353383241</v>
      </c>
      <c r="G62" s="141">
        <v>580411</v>
      </c>
      <c r="H62" s="147">
        <v>12.797028076641368</v>
      </c>
    </row>
    <row r="63" spans="1:8" ht="12.6" customHeight="1">
      <c r="A63" s="84">
        <v>1</v>
      </c>
      <c r="B63" s="99" t="s">
        <v>85</v>
      </c>
      <c r="C63" s="122">
        <v>1492623</v>
      </c>
      <c r="D63" s="123">
        <v>16.501986542785378</v>
      </c>
      <c r="E63" s="122">
        <v>770147</v>
      </c>
      <c r="F63" s="124">
        <v>17.077956189876833</v>
      </c>
      <c r="G63" s="122">
        <v>722476</v>
      </c>
      <c r="H63" s="148">
        <v>15.9293081225193</v>
      </c>
    </row>
    <row r="64" spans="1:8" ht="12.6" customHeight="1">
      <c r="A64" s="84" t="s">
        <v>73</v>
      </c>
      <c r="B64" s="96" t="s">
        <v>86</v>
      </c>
      <c r="C64" s="125">
        <v>1119867</v>
      </c>
      <c r="D64" s="126">
        <v>12.380909421675423</v>
      </c>
      <c r="E64" s="125">
        <v>579254</v>
      </c>
      <c r="F64" s="127">
        <v>12.844917184395857</v>
      </c>
      <c r="G64" s="125">
        <v>540613</v>
      </c>
      <c r="H64" s="147">
        <v>11.919553109085321</v>
      </c>
    </row>
    <row r="65" spans="1:8" ht="12.6" customHeight="1">
      <c r="A65" s="84">
        <v>1</v>
      </c>
      <c r="B65" s="96" t="s">
        <v>87</v>
      </c>
      <c r="C65" s="125">
        <v>1178240</v>
      </c>
      <c r="D65" s="126">
        <v>13.026263580402716</v>
      </c>
      <c r="E65" s="125">
        <v>578349</v>
      </c>
      <c r="F65" s="127">
        <v>12.824848872304997</v>
      </c>
      <c r="G65" s="125">
        <v>599891</v>
      </c>
      <c r="H65" s="147">
        <v>13.226527357208026</v>
      </c>
    </row>
    <row r="66" spans="1:8" ht="12.6" customHeight="1">
      <c r="A66" s="84" t="s">
        <v>74</v>
      </c>
      <c r="B66" s="96" t="s">
        <v>88</v>
      </c>
      <c r="C66" s="125">
        <v>946896</v>
      </c>
      <c r="D66" s="126">
        <v>10.468594581094694</v>
      </c>
      <c r="E66" s="125">
        <v>441583</v>
      </c>
      <c r="F66" s="127">
        <v>9.7920723293012664</v>
      </c>
      <c r="G66" s="125">
        <v>505313</v>
      </c>
      <c r="H66" s="147">
        <v>11.141251024690916</v>
      </c>
    </row>
    <row r="67" spans="1:8" ht="12.6" customHeight="1">
      <c r="A67" s="84" t="s">
        <v>75</v>
      </c>
      <c r="B67" s="96" t="s">
        <v>89</v>
      </c>
      <c r="C67" s="125">
        <v>478797</v>
      </c>
      <c r="D67" s="126">
        <v>5.2934342099284351</v>
      </c>
      <c r="E67" s="125">
        <v>190413</v>
      </c>
      <c r="F67" s="127">
        <v>4.2223950388471518</v>
      </c>
      <c r="G67" s="125">
        <v>288384</v>
      </c>
      <c r="H67" s="147">
        <v>6.3583532098015789</v>
      </c>
    </row>
    <row r="68" spans="1:8" ht="12.6" customHeight="1">
      <c r="A68" s="84" t="s">
        <v>76</v>
      </c>
      <c r="B68" s="96" t="s">
        <v>90</v>
      </c>
      <c r="C68" s="125">
        <v>93601</v>
      </c>
      <c r="D68" s="126">
        <v>1.0348242271432602</v>
      </c>
      <c r="E68" s="125">
        <v>23345</v>
      </c>
      <c r="F68" s="127">
        <v>0.51767375222220524</v>
      </c>
      <c r="G68" s="125">
        <v>70256</v>
      </c>
      <c r="H68" s="147">
        <v>1.5490195819040578</v>
      </c>
    </row>
    <row r="69" spans="1:8" ht="12.6" customHeight="1">
      <c r="A69" s="84"/>
      <c r="B69" s="103" t="s">
        <v>77</v>
      </c>
      <c r="C69" s="128">
        <v>3521</v>
      </c>
      <c r="D69" s="129">
        <v>3.8927106588299468E-2</v>
      </c>
      <c r="E69" s="130">
        <v>507</v>
      </c>
      <c r="F69" s="131">
        <v>1.1242689756978284E-2</v>
      </c>
      <c r="G69" s="128">
        <v>3014</v>
      </c>
      <c r="H69" s="149">
        <v>6.6453328112315385E-2</v>
      </c>
    </row>
    <row r="70" spans="1:8" ht="12.6" customHeight="1" thickBot="1">
      <c r="A70" s="108"/>
      <c r="B70" s="109" t="s">
        <v>1022</v>
      </c>
      <c r="C70" s="133">
        <v>82926</v>
      </c>
      <c r="D70" s="134" t="s">
        <v>78</v>
      </c>
      <c r="E70" s="133">
        <v>49370</v>
      </c>
      <c r="F70" s="150" t="s">
        <v>78</v>
      </c>
      <c r="G70" s="133">
        <v>33556</v>
      </c>
      <c r="H70" s="151" t="s">
        <v>78</v>
      </c>
    </row>
    <row r="71" spans="1:8" ht="12.75" thickTop="1"/>
    <row r="72" spans="1:8">
      <c r="A72" s="69" t="s">
        <v>91</v>
      </c>
    </row>
  </sheetData>
  <mergeCells count="3">
    <mergeCell ref="C2:D3"/>
    <mergeCell ref="E2:F3"/>
    <mergeCell ref="G2:H3"/>
  </mergeCells>
  <phoneticPr fontId="2"/>
  <printOptions horizontalCentered="1"/>
  <pageMargins left="0.78740157480314965" right="0.98425196850393704" top="0.78740157480314965" bottom="0.9055118110236221" header="0.51181102362204722" footer="0.19685039370078741"/>
  <pageSetup paperSize="9" scale="85" firstPageNumber="8" orientation="portrait" blackAndWhite="1" r:id="rId1"/>
  <headerFooter alignWithMargins="0">
    <oddFooter>&amp;C&amp;"ＭＳ ゴシック,太字"&amp;12-10-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5"/>
  <sheetViews>
    <sheetView zoomScale="90" zoomScaleNormal="90" workbookViewId="0"/>
  </sheetViews>
  <sheetFormatPr defaultRowHeight="13.5"/>
  <cols>
    <col min="1" max="1" width="8.125" style="165" customWidth="1"/>
    <col min="2" max="2" width="15.625" style="165" customWidth="1"/>
    <col min="3" max="3" width="13.875" style="165" customWidth="1"/>
    <col min="4" max="9" width="9.875" style="165" customWidth="1"/>
    <col min="10" max="12" width="9.625" style="165" customWidth="1"/>
    <col min="13" max="13" width="11" style="165" customWidth="1"/>
    <col min="14" max="18" width="10.125" style="165" customWidth="1"/>
    <col min="19" max="24" width="9.625" style="165" customWidth="1"/>
    <col min="25" max="16384" width="9" style="165"/>
  </cols>
  <sheetData>
    <row r="1" spans="1:24" ht="21" customHeight="1" thickBot="1">
      <c r="A1" s="352" t="s">
        <v>695</v>
      </c>
      <c r="B1" s="295"/>
      <c r="C1" s="353"/>
      <c r="D1" s="353"/>
      <c r="E1" s="353"/>
      <c r="F1" s="353"/>
      <c r="Q1" s="353" t="s">
        <v>696</v>
      </c>
      <c r="R1" s="353"/>
      <c r="S1" s="353"/>
      <c r="T1" s="353"/>
      <c r="W1" s="726"/>
    </row>
    <row r="2" spans="1:24" ht="16.5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</row>
    <row r="3" spans="1:24" ht="16.5" customHeight="1">
      <c r="A3" s="728" t="s">
        <v>594</v>
      </c>
      <c r="B3" s="729"/>
      <c r="C3" s="730"/>
      <c r="D3" s="728" t="s">
        <v>595</v>
      </c>
      <c r="E3" s="731"/>
      <c r="F3" s="731"/>
      <c r="G3" s="732"/>
      <c r="H3" s="733"/>
      <c r="I3" s="734"/>
      <c r="J3" s="734"/>
      <c r="K3" s="734"/>
      <c r="L3" s="734"/>
      <c r="M3" s="734"/>
      <c r="N3" s="734"/>
      <c r="O3" s="735"/>
      <c r="P3" s="732"/>
      <c r="Q3" s="733"/>
      <c r="R3" s="734"/>
      <c r="S3" s="734"/>
      <c r="T3" s="734"/>
      <c r="U3" s="734"/>
      <c r="V3" s="734"/>
      <c r="W3" s="734"/>
      <c r="X3" s="734"/>
    </row>
    <row r="4" spans="1:24" ht="16.5" customHeight="1">
      <c r="A4" s="1317" t="s">
        <v>697</v>
      </c>
      <c r="B4" s="1318"/>
      <c r="C4" s="1319" t="s">
        <v>274</v>
      </c>
      <c r="D4" s="1316" t="s">
        <v>545</v>
      </c>
      <c r="E4" s="1317"/>
      <c r="F4" s="1318"/>
      <c r="G4" s="1316" t="s">
        <v>461</v>
      </c>
      <c r="H4" s="1317"/>
      <c r="I4" s="1318"/>
      <c r="J4" s="1320" t="s">
        <v>462</v>
      </c>
      <c r="K4" s="1321"/>
      <c r="L4" s="1322"/>
      <c r="M4" s="1321" t="s">
        <v>597</v>
      </c>
      <c r="N4" s="1321"/>
      <c r="O4" s="1322"/>
      <c r="P4" s="1316" t="s">
        <v>464</v>
      </c>
      <c r="Q4" s="1317"/>
      <c r="R4" s="1318"/>
      <c r="S4" s="1320" t="s">
        <v>465</v>
      </c>
      <c r="T4" s="1321"/>
      <c r="U4" s="1322"/>
      <c r="V4" s="1320" t="s">
        <v>466</v>
      </c>
      <c r="W4" s="1321"/>
      <c r="X4" s="1321"/>
    </row>
    <row r="5" spans="1:24" ht="16.5" customHeight="1">
      <c r="A5" s="728"/>
      <c r="B5" s="729"/>
      <c r="C5" s="1319"/>
      <c r="D5" s="1323" t="s">
        <v>548</v>
      </c>
      <c r="E5" s="1324"/>
      <c r="F5" s="1325"/>
      <c r="G5" s="1323" t="s">
        <v>698</v>
      </c>
      <c r="H5" s="1324"/>
      <c r="I5" s="1325"/>
      <c r="J5" s="1323" t="s">
        <v>630</v>
      </c>
      <c r="K5" s="1324"/>
      <c r="L5" s="1325"/>
      <c r="M5" s="1324" t="s">
        <v>699</v>
      </c>
      <c r="N5" s="1324"/>
      <c r="O5" s="1325"/>
      <c r="P5" s="1323" t="s">
        <v>631</v>
      </c>
      <c r="Q5" s="1324"/>
      <c r="R5" s="1325"/>
      <c r="S5" s="1323" t="s">
        <v>601</v>
      </c>
      <c r="T5" s="1324"/>
      <c r="U5" s="1325"/>
      <c r="V5" s="1323" t="s">
        <v>602</v>
      </c>
      <c r="W5" s="1324"/>
      <c r="X5" s="1324"/>
    </row>
    <row r="6" spans="1:24" ht="16.5" customHeight="1">
      <c r="A6" s="736"/>
      <c r="B6" s="737"/>
      <c r="C6" s="738"/>
      <c r="D6" s="737" t="s">
        <v>555</v>
      </c>
      <c r="E6" s="739" t="s">
        <v>556</v>
      </c>
      <c r="F6" s="737" t="s">
        <v>557</v>
      </c>
      <c r="G6" s="740" t="s">
        <v>555</v>
      </c>
      <c r="H6" s="739" t="s">
        <v>556</v>
      </c>
      <c r="I6" s="737" t="s">
        <v>557</v>
      </c>
      <c r="J6" s="1096" t="s">
        <v>555</v>
      </c>
      <c r="K6" s="739" t="s">
        <v>556</v>
      </c>
      <c r="L6" s="739" t="s">
        <v>557</v>
      </c>
      <c r="M6" s="1134" t="s">
        <v>555</v>
      </c>
      <c r="N6" s="739" t="s">
        <v>556</v>
      </c>
      <c r="O6" s="741" t="s">
        <v>557</v>
      </c>
      <c r="P6" s="737" t="s">
        <v>555</v>
      </c>
      <c r="Q6" s="739" t="s">
        <v>556</v>
      </c>
      <c r="R6" s="737" t="s">
        <v>557</v>
      </c>
      <c r="S6" s="740" t="s">
        <v>555</v>
      </c>
      <c r="T6" s="739" t="s">
        <v>556</v>
      </c>
      <c r="U6" s="741" t="s">
        <v>557</v>
      </c>
      <c r="V6" s="737" t="s">
        <v>555</v>
      </c>
      <c r="W6" s="739" t="s">
        <v>556</v>
      </c>
      <c r="X6" s="737" t="s">
        <v>557</v>
      </c>
    </row>
    <row r="7" spans="1:24" ht="16.5" customHeight="1">
      <c r="A7" s="211"/>
      <c r="B7" s="742" t="s">
        <v>212</v>
      </c>
      <c r="C7" s="743"/>
      <c r="D7" s="197" t="s">
        <v>212</v>
      </c>
      <c r="E7" s="213" t="s">
        <v>212</v>
      </c>
      <c r="F7" s="197" t="s">
        <v>212</v>
      </c>
      <c r="G7" s="742" t="s">
        <v>212</v>
      </c>
      <c r="H7" s="213" t="s">
        <v>212</v>
      </c>
      <c r="I7" s="197" t="s">
        <v>212</v>
      </c>
      <c r="J7" s="742" t="s">
        <v>212</v>
      </c>
      <c r="K7" s="213" t="s">
        <v>212</v>
      </c>
      <c r="L7" s="213" t="s">
        <v>212</v>
      </c>
      <c r="M7" s="197" t="s">
        <v>212</v>
      </c>
      <c r="N7" s="213" t="s">
        <v>212</v>
      </c>
      <c r="O7" s="744" t="s">
        <v>212</v>
      </c>
      <c r="P7" s="197" t="s">
        <v>212</v>
      </c>
      <c r="Q7" s="213" t="s">
        <v>212</v>
      </c>
      <c r="R7" s="197" t="s">
        <v>212</v>
      </c>
      <c r="S7" s="742" t="s">
        <v>212</v>
      </c>
      <c r="T7" s="213" t="s">
        <v>212</v>
      </c>
      <c r="U7" s="744" t="s">
        <v>212</v>
      </c>
      <c r="V7" s="197" t="s">
        <v>212</v>
      </c>
      <c r="W7" s="213" t="s">
        <v>212</v>
      </c>
      <c r="X7" s="197" t="s">
        <v>212</v>
      </c>
    </row>
    <row r="8" spans="1:24" ht="16.5" customHeight="1">
      <c r="A8" s="211"/>
      <c r="B8" s="745">
        <v>338290</v>
      </c>
      <c r="C8" s="746" t="s">
        <v>214</v>
      </c>
      <c r="D8" s="747">
        <v>-2311</v>
      </c>
      <c r="E8" s="748">
        <v>-1178</v>
      </c>
      <c r="F8" s="747">
        <v>-1133</v>
      </c>
      <c r="G8" s="745">
        <v>-2311</v>
      </c>
      <c r="H8" s="748">
        <v>-1258</v>
      </c>
      <c r="I8" s="747">
        <v>-1053</v>
      </c>
      <c r="J8" s="745">
        <v>1926</v>
      </c>
      <c r="K8" s="748">
        <v>973</v>
      </c>
      <c r="L8" s="748">
        <v>953</v>
      </c>
      <c r="M8" s="747">
        <v>4237</v>
      </c>
      <c r="N8" s="748">
        <v>2231</v>
      </c>
      <c r="O8" s="749">
        <v>2006</v>
      </c>
      <c r="P8" s="747">
        <v>0</v>
      </c>
      <c r="Q8" s="748">
        <v>80</v>
      </c>
      <c r="R8" s="747">
        <v>-80</v>
      </c>
      <c r="S8" s="745">
        <v>14593</v>
      </c>
      <c r="T8" s="748">
        <v>7227</v>
      </c>
      <c r="U8" s="749">
        <v>7366</v>
      </c>
      <c r="V8" s="747">
        <v>14593</v>
      </c>
      <c r="W8" s="748">
        <v>7147</v>
      </c>
      <c r="X8" s="747">
        <v>7446</v>
      </c>
    </row>
    <row r="9" spans="1:24" ht="16.5" customHeight="1">
      <c r="A9" s="211"/>
      <c r="B9" s="833"/>
      <c r="C9" s="751"/>
      <c r="D9" s="752"/>
      <c r="E9" s="753"/>
      <c r="F9" s="752"/>
      <c r="G9" s="750"/>
      <c r="H9" s="753"/>
      <c r="I9" s="752"/>
      <c r="J9" s="750"/>
      <c r="K9" s="753"/>
      <c r="L9" s="753"/>
      <c r="M9" s="752"/>
      <c r="N9" s="753"/>
      <c r="O9" s="754"/>
      <c r="P9" s="752"/>
      <c r="Q9" s="753"/>
      <c r="R9" s="752"/>
      <c r="S9" s="750"/>
      <c r="T9" s="753"/>
      <c r="U9" s="754"/>
      <c r="V9" s="752"/>
      <c r="W9" s="753"/>
      <c r="X9" s="752"/>
    </row>
    <row r="10" spans="1:24" ht="16.5" customHeight="1">
      <c r="A10" s="211"/>
      <c r="B10" s="755">
        <v>10451</v>
      </c>
      <c r="C10" s="756" t="s">
        <v>247</v>
      </c>
      <c r="D10" s="757">
        <v>2036</v>
      </c>
      <c r="E10" s="758">
        <v>1059</v>
      </c>
      <c r="F10" s="757">
        <v>977</v>
      </c>
      <c r="G10" s="755">
        <v>1924</v>
      </c>
      <c r="H10" s="758">
        <v>971</v>
      </c>
      <c r="I10" s="757">
        <v>953</v>
      </c>
      <c r="J10" s="755">
        <v>1926</v>
      </c>
      <c r="K10" s="755">
        <v>973</v>
      </c>
      <c r="L10" s="758">
        <v>953</v>
      </c>
      <c r="M10" s="769">
        <v>2</v>
      </c>
      <c r="N10" s="755">
        <v>2</v>
      </c>
      <c r="O10" s="758">
        <v>0</v>
      </c>
      <c r="P10" s="757">
        <v>112</v>
      </c>
      <c r="Q10" s="758">
        <v>88</v>
      </c>
      <c r="R10" s="757">
        <v>24</v>
      </c>
      <c r="S10" s="755">
        <v>769</v>
      </c>
      <c r="T10" s="758">
        <v>412</v>
      </c>
      <c r="U10" s="758">
        <v>357</v>
      </c>
      <c r="V10" s="755">
        <v>657</v>
      </c>
      <c r="W10" s="758">
        <v>324</v>
      </c>
      <c r="X10" s="755">
        <v>333</v>
      </c>
    </row>
    <row r="11" spans="1:24" ht="16.5" customHeight="1">
      <c r="A11" s="211"/>
      <c r="B11" s="755">
        <v>12254</v>
      </c>
      <c r="C11" s="756" t="s">
        <v>248</v>
      </c>
      <c r="D11" s="757">
        <v>30</v>
      </c>
      <c r="E11" s="758">
        <v>22</v>
      </c>
      <c r="F11" s="757">
        <v>8</v>
      </c>
      <c r="G11" s="755">
        <v>-1</v>
      </c>
      <c r="H11" s="758">
        <v>-1</v>
      </c>
      <c r="I11" s="757">
        <v>0</v>
      </c>
      <c r="J11" s="761" t="s">
        <v>44</v>
      </c>
      <c r="K11" s="762" t="s">
        <v>44</v>
      </c>
      <c r="L11" s="762" t="s">
        <v>44</v>
      </c>
      <c r="M11" s="770">
        <v>1</v>
      </c>
      <c r="N11" s="755">
        <v>1</v>
      </c>
      <c r="O11" s="758">
        <v>0</v>
      </c>
      <c r="P11" s="757">
        <v>31</v>
      </c>
      <c r="Q11" s="758">
        <v>23</v>
      </c>
      <c r="R11" s="757">
        <v>8</v>
      </c>
      <c r="S11" s="758">
        <v>381</v>
      </c>
      <c r="T11" s="758">
        <v>186</v>
      </c>
      <c r="U11" s="758">
        <v>195</v>
      </c>
      <c r="V11" s="758">
        <v>350</v>
      </c>
      <c r="W11" s="758">
        <v>163</v>
      </c>
      <c r="X11" s="755">
        <v>187</v>
      </c>
    </row>
    <row r="12" spans="1:24" ht="16.5" customHeight="1">
      <c r="A12" s="211"/>
      <c r="B12" s="755">
        <v>13600</v>
      </c>
      <c r="C12" s="756" t="s">
        <v>249</v>
      </c>
      <c r="D12" s="757">
        <v>5</v>
      </c>
      <c r="E12" s="758">
        <v>2</v>
      </c>
      <c r="F12" s="757">
        <v>3</v>
      </c>
      <c r="G12" s="755">
        <v>-1</v>
      </c>
      <c r="H12" s="758">
        <v>-1</v>
      </c>
      <c r="I12" s="757">
        <v>0</v>
      </c>
      <c r="J12" s="761" t="s">
        <v>44</v>
      </c>
      <c r="K12" s="762" t="s">
        <v>44</v>
      </c>
      <c r="L12" s="762" t="s">
        <v>44</v>
      </c>
      <c r="M12" s="770">
        <v>1</v>
      </c>
      <c r="N12" s="755">
        <v>1</v>
      </c>
      <c r="O12" s="758">
        <v>0</v>
      </c>
      <c r="P12" s="757">
        <v>6</v>
      </c>
      <c r="Q12" s="758">
        <v>3</v>
      </c>
      <c r="R12" s="757">
        <v>3</v>
      </c>
      <c r="S12" s="758">
        <v>186</v>
      </c>
      <c r="T12" s="758">
        <v>93</v>
      </c>
      <c r="U12" s="758">
        <v>93</v>
      </c>
      <c r="V12" s="758">
        <v>180</v>
      </c>
      <c r="W12" s="758">
        <v>90</v>
      </c>
      <c r="X12" s="755">
        <v>90</v>
      </c>
    </row>
    <row r="13" spans="1:24" ht="16.5" customHeight="1">
      <c r="A13" s="211"/>
      <c r="B13" s="755">
        <v>15577</v>
      </c>
      <c r="C13" s="756" t="s">
        <v>250</v>
      </c>
      <c r="D13" s="757">
        <v>-2</v>
      </c>
      <c r="E13" s="758">
        <v>-23</v>
      </c>
      <c r="F13" s="757">
        <v>21</v>
      </c>
      <c r="G13" s="755">
        <v>-3</v>
      </c>
      <c r="H13" s="758">
        <v>-2</v>
      </c>
      <c r="I13" s="757">
        <v>-1</v>
      </c>
      <c r="J13" s="761" t="s">
        <v>44</v>
      </c>
      <c r="K13" s="762" t="s">
        <v>44</v>
      </c>
      <c r="L13" s="762" t="s">
        <v>44</v>
      </c>
      <c r="M13" s="770">
        <v>3</v>
      </c>
      <c r="N13" s="755">
        <v>2</v>
      </c>
      <c r="O13" s="758">
        <v>1</v>
      </c>
      <c r="P13" s="757">
        <v>1</v>
      </c>
      <c r="Q13" s="758">
        <v>-21</v>
      </c>
      <c r="R13" s="757">
        <v>22</v>
      </c>
      <c r="S13" s="758">
        <v>625</v>
      </c>
      <c r="T13" s="758">
        <v>270</v>
      </c>
      <c r="U13" s="758">
        <v>355</v>
      </c>
      <c r="V13" s="758">
        <v>624</v>
      </c>
      <c r="W13" s="758">
        <v>291</v>
      </c>
      <c r="X13" s="755">
        <v>333</v>
      </c>
    </row>
    <row r="14" spans="1:24" ht="16.5" customHeight="1">
      <c r="A14" s="211"/>
      <c r="B14" s="766">
        <v>15808</v>
      </c>
      <c r="C14" s="763" t="s">
        <v>252</v>
      </c>
      <c r="D14" s="764">
        <v>-495</v>
      </c>
      <c r="E14" s="765">
        <v>-273</v>
      </c>
      <c r="F14" s="764">
        <v>-222</v>
      </c>
      <c r="G14" s="766">
        <v>-3</v>
      </c>
      <c r="H14" s="765">
        <v>-2</v>
      </c>
      <c r="I14" s="764">
        <v>-1</v>
      </c>
      <c r="J14" s="767" t="s">
        <v>44</v>
      </c>
      <c r="K14" s="768" t="s">
        <v>44</v>
      </c>
      <c r="L14" s="768" t="s">
        <v>44</v>
      </c>
      <c r="M14" s="770">
        <v>3</v>
      </c>
      <c r="N14" s="766">
        <v>2</v>
      </c>
      <c r="O14" s="765">
        <v>1</v>
      </c>
      <c r="P14" s="764">
        <v>-492</v>
      </c>
      <c r="Q14" s="765">
        <v>-271</v>
      </c>
      <c r="R14" s="764">
        <v>-221</v>
      </c>
      <c r="S14" s="765">
        <v>2390</v>
      </c>
      <c r="T14" s="765">
        <v>1049</v>
      </c>
      <c r="U14" s="765">
        <v>1341</v>
      </c>
      <c r="V14" s="758">
        <v>2882</v>
      </c>
      <c r="W14" s="765">
        <v>1320</v>
      </c>
      <c r="X14" s="766">
        <v>1562</v>
      </c>
    </row>
    <row r="15" spans="1:24" ht="16.5" customHeight="1">
      <c r="A15" s="211"/>
      <c r="B15" s="755">
        <v>13772</v>
      </c>
      <c r="C15" s="756" t="s">
        <v>254</v>
      </c>
      <c r="D15" s="757">
        <v>-237</v>
      </c>
      <c r="E15" s="758">
        <v>-58</v>
      </c>
      <c r="F15" s="757">
        <v>-179</v>
      </c>
      <c r="G15" s="755">
        <v>-4</v>
      </c>
      <c r="H15" s="758">
        <v>-2</v>
      </c>
      <c r="I15" s="757">
        <v>-2</v>
      </c>
      <c r="J15" s="761" t="s">
        <v>44</v>
      </c>
      <c r="K15" s="762" t="s">
        <v>44</v>
      </c>
      <c r="L15" s="762" t="s">
        <v>44</v>
      </c>
      <c r="M15" s="769">
        <v>4</v>
      </c>
      <c r="N15" s="755">
        <v>2</v>
      </c>
      <c r="O15" s="758">
        <v>2</v>
      </c>
      <c r="P15" s="757">
        <v>-233</v>
      </c>
      <c r="Q15" s="758">
        <v>-56</v>
      </c>
      <c r="R15" s="757">
        <v>-177</v>
      </c>
      <c r="S15" s="755">
        <v>2521</v>
      </c>
      <c r="T15" s="758">
        <v>1258</v>
      </c>
      <c r="U15" s="758">
        <v>1263</v>
      </c>
      <c r="V15" s="759">
        <v>2754</v>
      </c>
      <c r="W15" s="758">
        <v>1314</v>
      </c>
      <c r="X15" s="755">
        <v>1440</v>
      </c>
    </row>
    <row r="16" spans="1:24" ht="16.5" customHeight="1">
      <c r="A16" s="211"/>
      <c r="B16" s="755">
        <v>14826</v>
      </c>
      <c r="C16" s="756" t="s">
        <v>255</v>
      </c>
      <c r="D16" s="757">
        <v>-110</v>
      </c>
      <c r="E16" s="758">
        <v>-42</v>
      </c>
      <c r="F16" s="757">
        <v>-68</v>
      </c>
      <c r="G16" s="755">
        <v>-4</v>
      </c>
      <c r="H16" s="758">
        <v>-2</v>
      </c>
      <c r="I16" s="757">
        <v>-2</v>
      </c>
      <c r="J16" s="761" t="s">
        <v>44</v>
      </c>
      <c r="K16" s="762" t="s">
        <v>44</v>
      </c>
      <c r="L16" s="762" t="s">
        <v>44</v>
      </c>
      <c r="M16" s="770">
        <v>4</v>
      </c>
      <c r="N16" s="755">
        <v>2</v>
      </c>
      <c r="O16" s="758">
        <v>2</v>
      </c>
      <c r="P16" s="757">
        <v>-106</v>
      </c>
      <c r="Q16" s="758">
        <v>-40</v>
      </c>
      <c r="R16" s="757">
        <v>-66</v>
      </c>
      <c r="S16" s="758">
        <v>1725</v>
      </c>
      <c r="T16" s="758">
        <v>868</v>
      </c>
      <c r="U16" s="758">
        <v>857</v>
      </c>
      <c r="V16" s="758">
        <v>1831</v>
      </c>
      <c r="W16" s="758">
        <v>908</v>
      </c>
      <c r="X16" s="755">
        <v>923</v>
      </c>
    </row>
    <row r="17" spans="1:24" ht="16.5" customHeight="1">
      <c r="A17" s="729" t="s">
        <v>565</v>
      </c>
      <c r="B17" s="755">
        <v>17745</v>
      </c>
      <c r="C17" s="756" t="s">
        <v>256</v>
      </c>
      <c r="D17" s="757">
        <v>15</v>
      </c>
      <c r="E17" s="758">
        <v>6</v>
      </c>
      <c r="F17" s="757">
        <v>9</v>
      </c>
      <c r="G17" s="755">
        <v>-12</v>
      </c>
      <c r="H17" s="758">
        <v>-7</v>
      </c>
      <c r="I17" s="757">
        <v>-5</v>
      </c>
      <c r="J17" s="761" t="s">
        <v>44</v>
      </c>
      <c r="K17" s="762" t="s">
        <v>44</v>
      </c>
      <c r="L17" s="762" t="s">
        <v>44</v>
      </c>
      <c r="M17" s="770">
        <v>12</v>
      </c>
      <c r="N17" s="755">
        <v>7</v>
      </c>
      <c r="O17" s="758">
        <v>5</v>
      </c>
      <c r="P17" s="757">
        <v>27</v>
      </c>
      <c r="Q17" s="758">
        <v>13</v>
      </c>
      <c r="R17" s="757">
        <v>14</v>
      </c>
      <c r="S17" s="758">
        <v>1299</v>
      </c>
      <c r="T17" s="758">
        <v>658</v>
      </c>
      <c r="U17" s="758">
        <v>641</v>
      </c>
      <c r="V17" s="758">
        <v>1272</v>
      </c>
      <c r="W17" s="758">
        <v>645</v>
      </c>
      <c r="X17" s="755">
        <v>627</v>
      </c>
    </row>
    <row r="18" spans="1:24" ht="16.5" customHeight="1">
      <c r="A18" s="731"/>
      <c r="B18" s="755">
        <v>21267</v>
      </c>
      <c r="C18" s="756" t="s">
        <v>257</v>
      </c>
      <c r="D18" s="757">
        <v>36</v>
      </c>
      <c r="E18" s="758">
        <v>22</v>
      </c>
      <c r="F18" s="757">
        <v>14</v>
      </c>
      <c r="G18" s="755">
        <v>-9</v>
      </c>
      <c r="H18" s="758">
        <v>-6</v>
      </c>
      <c r="I18" s="757">
        <v>-3</v>
      </c>
      <c r="J18" s="761" t="s">
        <v>44</v>
      </c>
      <c r="K18" s="762" t="s">
        <v>44</v>
      </c>
      <c r="L18" s="762" t="s">
        <v>44</v>
      </c>
      <c r="M18" s="770">
        <v>9</v>
      </c>
      <c r="N18" s="755">
        <v>6</v>
      </c>
      <c r="O18" s="758">
        <v>3</v>
      </c>
      <c r="P18" s="757">
        <v>45</v>
      </c>
      <c r="Q18" s="758">
        <v>28</v>
      </c>
      <c r="R18" s="757">
        <v>17</v>
      </c>
      <c r="S18" s="755">
        <v>1035</v>
      </c>
      <c r="T18" s="758">
        <v>505</v>
      </c>
      <c r="U18" s="758">
        <v>530</v>
      </c>
      <c r="V18" s="758">
        <v>990</v>
      </c>
      <c r="W18" s="758">
        <v>477</v>
      </c>
      <c r="X18" s="755">
        <v>513</v>
      </c>
    </row>
    <row r="19" spans="1:24" ht="16.5" customHeight="1">
      <c r="A19" s="731"/>
      <c r="B19" s="766">
        <v>26230</v>
      </c>
      <c r="C19" s="763" t="s">
        <v>258</v>
      </c>
      <c r="D19" s="764">
        <v>44</v>
      </c>
      <c r="E19" s="765">
        <v>17</v>
      </c>
      <c r="F19" s="764">
        <v>27</v>
      </c>
      <c r="G19" s="766">
        <v>-46</v>
      </c>
      <c r="H19" s="765">
        <v>-29</v>
      </c>
      <c r="I19" s="764">
        <v>-17</v>
      </c>
      <c r="J19" s="767" t="s">
        <v>44</v>
      </c>
      <c r="K19" s="768" t="s">
        <v>44</v>
      </c>
      <c r="L19" s="768" t="s">
        <v>44</v>
      </c>
      <c r="M19" s="771">
        <v>46</v>
      </c>
      <c r="N19" s="766">
        <v>29</v>
      </c>
      <c r="O19" s="765">
        <v>17</v>
      </c>
      <c r="P19" s="764">
        <v>90</v>
      </c>
      <c r="Q19" s="765">
        <v>46</v>
      </c>
      <c r="R19" s="764">
        <v>44</v>
      </c>
      <c r="S19" s="765">
        <v>750</v>
      </c>
      <c r="T19" s="765">
        <v>451</v>
      </c>
      <c r="U19" s="765">
        <v>299</v>
      </c>
      <c r="V19" s="755">
        <v>660</v>
      </c>
      <c r="W19" s="765">
        <v>405</v>
      </c>
      <c r="X19" s="766">
        <v>255</v>
      </c>
    </row>
    <row r="20" spans="1:24" ht="16.5" customHeight="1">
      <c r="A20" s="731"/>
      <c r="B20" s="755">
        <v>24461</v>
      </c>
      <c r="C20" s="756" t="s">
        <v>259</v>
      </c>
      <c r="D20" s="757">
        <v>2</v>
      </c>
      <c r="E20" s="758">
        <v>-20</v>
      </c>
      <c r="F20" s="757">
        <v>22</v>
      </c>
      <c r="G20" s="755">
        <v>-52</v>
      </c>
      <c r="H20" s="758">
        <v>-36</v>
      </c>
      <c r="I20" s="757">
        <v>-16</v>
      </c>
      <c r="J20" s="761" t="s">
        <v>44</v>
      </c>
      <c r="K20" s="762" t="s">
        <v>44</v>
      </c>
      <c r="L20" s="762" t="s">
        <v>44</v>
      </c>
      <c r="M20" s="770">
        <v>52</v>
      </c>
      <c r="N20" s="755">
        <v>36</v>
      </c>
      <c r="O20" s="758">
        <v>16</v>
      </c>
      <c r="P20" s="757">
        <v>54</v>
      </c>
      <c r="Q20" s="758">
        <v>16</v>
      </c>
      <c r="R20" s="757">
        <v>38</v>
      </c>
      <c r="S20" s="758">
        <v>648</v>
      </c>
      <c r="T20" s="758">
        <v>345</v>
      </c>
      <c r="U20" s="758">
        <v>303</v>
      </c>
      <c r="V20" s="759">
        <v>594</v>
      </c>
      <c r="W20" s="758">
        <v>329</v>
      </c>
      <c r="X20" s="755">
        <v>265</v>
      </c>
    </row>
    <row r="21" spans="1:24" ht="16.5" customHeight="1">
      <c r="A21" s="731"/>
      <c r="B21" s="755">
        <v>21591</v>
      </c>
      <c r="C21" s="756" t="s">
        <v>260</v>
      </c>
      <c r="D21" s="757">
        <v>87</v>
      </c>
      <c r="E21" s="758">
        <v>34</v>
      </c>
      <c r="F21" s="757">
        <v>53</v>
      </c>
      <c r="G21" s="755">
        <v>-64</v>
      </c>
      <c r="H21" s="758">
        <v>-45</v>
      </c>
      <c r="I21" s="757">
        <v>-19</v>
      </c>
      <c r="J21" s="761" t="s">
        <v>44</v>
      </c>
      <c r="K21" s="762" t="s">
        <v>44</v>
      </c>
      <c r="L21" s="762" t="s">
        <v>44</v>
      </c>
      <c r="M21" s="770">
        <v>64</v>
      </c>
      <c r="N21" s="755">
        <v>45</v>
      </c>
      <c r="O21" s="758">
        <v>19</v>
      </c>
      <c r="P21" s="757">
        <v>151</v>
      </c>
      <c r="Q21" s="758">
        <v>79</v>
      </c>
      <c r="R21" s="757">
        <v>72</v>
      </c>
      <c r="S21" s="755">
        <v>530</v>
      </c>
      <c r="T21" s="758">
        <v>279</v>
      </c>
      <c r="U21" s="758">
        <v>251</v>
      </c>
      <c r="V21" s="758">
        <v>379</v>
      </c>
      <c r="W21" s="758">
        <v>200</v>
      </c>
      <c r="X21" s="755">
        <v>179</v>
      </c>
    </row>
    <row r="22" spans="1:24" ht="16.5" customHeight="1">
      <c r="A22" s="729" t="s">
        <v>571</v>
      </c>
      <c r="B22" s="755">
        <v>20962</v>
      </c>
      <c r="C22" s="756" t="s">
        <v>261</v>
      </c>
      <c r="D22" s="757">
        <v>-27</v>
      </c>
      <c r="E22" s="758">
        <v>-26</v>
      </c>
      <c r="F22" s="757">
        <v>-1</v>
      </c>
      <c r="G22" s="755">
        <v>-123</v>
      </c>
      <c r="H22" s="758">
        <v>-83</v>
      </c>
      <c r="I22" s="757">
        <v>-40</v>
      </c>
      <c r="J22" s="761" t="s">
        <v>44</v>
      </c>
      <c r="K22" s="762" t="s">
        <v>44</v>
      </c>
      <c r="L22" s="762" t="s">
        <v>44</v>
      </c>
      <c r="M22" s="770">
        <v>123</v>
      </c>
      <c r="N22" s="755">
        <v>83</v>
      </c>
      <c r="O22" s="758">
        <v>40</v>
      </c>
      <c r="P22" s="757">
        <v>96</v>
      </c>
      <c r="Q22" s="758">
        <v>57</v>
      </c>
      <c r="R22" s="757">
        <v>39</v>
      </c>
      <c r="S22" s="758">
        <v>398</v>
      </c>
      <c r="T22" s="758">
        <v>233</v>
      </c>
      <c r="U22" s="758">
        <v>165</v>
      </c>
      <c r="V22" s="758">
        <v>302</v>
      </c>
      <c r="W22" s="758">
        <v>176</v>
      </c>
      <c r="X22" s="755">
        <v>126</v>
      </c>
    </row>
    <row r="23" spans="1:24" ht="16.5" customHeight="1">
      <c r="A23" s="211"/>
      <c r="B23" s="755">
        <v>24826</v>
      </c>
      <c r="C23" s="756" t="s">
        <v>262</v>
      </c>
      <c r="D23" s="757">
        <v>-156</v>
      </c>
      <c r="E23" s="758">
        <v>-100</v>
      </c>
      <c r="F23" s="757">
        <v>-56</v>
      </c>
      <c r="G23" s="755">
        <v>-215</v>
      </c>
      <c r="H23" s="758">
        <v>-143</v>
      </c>
      <c r="I23" s="757">
        <v>-72</v>
      </c>
      <c r="J23" s="761" t="s">
        <v>44</v>
      </c>
      <c r="K23" s="762" t="s">
        <v>44</v>
      </c>
      <c r="L23" s="762" t="s">
        <v>44</v>
      </c>
      <c r="M23" s="770">
        <v>215</v>
      </c>
      <c r="N23" s="755">
        <v>143</v>
      </c>
      <c r="O23" s="758">
        <v>72</v>
      </c>
      <c r="P23" s="757">
        <v>59</v>
      </c>
      <c r="Q23" s="758">
        <v>43</v>
      </c>
      <c r="R23" s="757">
        <v>16</v>
      </c>
      <c r="S23" s="758">
        <v>318</v>
      </c>
      <c r="T23" s="758">
        <v>178</v>
      </c>
      <c r="U23" s="758">
        <v>140</v>
      </c>
      <c r="V23" s="755">
        <v>259</v>
      </c>
      <c r="W23" s="758">
        <v>135</v>
      </c>
      <c r="X23" s="755">
        <v>124</v>
      </c>
    </row>
    <row r="24" spans="1:24" ht="16.5" customHeight="1">
      <c r="A24" s="211"/>
      <c r="B24" s="766">
        <v>26878</v>
      </c>
      <c r="C24" s="763" t="s">
        <v>263</v>
      </c>
      <c r="D24" s="764">
        <v>-369</v>
      </c>
      <c r="E24" s="765">
        <v>-256</v>
      </c>
      <c r="F24" s="764">
        <v>-113</v>
      </c>
      <c r="G24" s="766">
        <v>-401</v>
      </c>
      <c r="H24" s="765">
        <v>-270</v>
      </c>
      <c r="I24" s="764">
        <v>-131</v>
      </c>
      <c r="J24" s="767" t="s">
        <v>44</v>
      </c>
      <c r="K24" s="768" t="s">
        <v>44</v>
      </c>
      <c r="L24" s="768" t="s">
        <v>44</v>
      </c>
      <c r="M24" s="771">
        <v>401</v>
      </c>
      <c r="N24" s="766">
        <v>270</v>
      </c>
      <c r="O24" s="765">
        <v>131</v>
      </c>
      <c r="P24" s="764">
        <v>32</v>
      </c>
      <c r="Q24" s="765">
        <v>14</v>
      </c>
      <c r="R24" s="764">
        <v>18</v>
      </c>
      <c r="S24" s="758">
        <v>296</v>
      </c>
      <c r="T24" s="765">
        <v>155</v>
      </c>
      <c r="U24" s="765">
        <v>141</v>
      </c>
      <c r="V24" s="758">
        <v>264</v>
      </c>
      <c r="W24" s="765">
        <v>141</v>
      </c>
      <c r="X24" s="766">
        <v>123</v>
      </c>
    </row>
    <row r="25" spans="1:24" ht="16.5" customHeight="1">
      <c r="A25" s="211"/>
      <c r="B25" s="755">
        <v>22963</v>
      </c>
      <c r="C25" s="756" t="s">
        <v>264</v>
      </c>
      <c r="D25" s="757">
        <v>-482</v>
      </c>
      <c r="E25" s="758">
        <v>-305</v>
      </c>
      <c r="F25" s="757">
        <v>-177</v>
      </c>
      <c r="G25" s="755">
        <v>-516</v>
      </c>
      <c r="H25" s="758">
        <v>-331</v>
      </c>
      <c r="I25" s="757">
        <v>-185</v>
      </c>
      <c r="J25" s="761" t="s">
        <v>44</v>
      </c>
      <c r="K25" s="762" t="s">
        <v>44</v>
      </c>
      <c r="L25" s="762" t="s">
        <v>44</v>
      </c>
      <c r="M25" s="770">
        <v>516</v>
      </c>
      <c r="N25" s="755">
        <v>331</v>
      </c>
      <c r="O25" s="758">
        <v>185</v>
      </c>
      <c r="P25" s="757">
        <v>34</v>
      </c>
      <c r="Q25" s="758">
        <v>26</v>
      </c>
      <c r="R25" s="757">
        <v>8</v>
      </c>
      <c r="S25" s="759">
        <v>247</v>
      </c>
      <c r="T25" s="758">
        <v>116</v>
      </c>
      <c r="U25" s="758">
        <v>131</v>
      </c>
      <c r="V25" s="759">
        <v>213</v>
      </c>
      <c r="W25" s="758">
        <v>90</v>
      </c>
      <c r="X25" s="755">
        <v>123</v>
      </c>
    </row>
    <row r="26" spans="1:24" ht="16.5" customHeight="1">
      <c r="A26" s="211"/>
      <c r="B26" s="755">
        <v>16143</v>
      </c>
      <c r="C26" s="756" t="s">
        <v>265</v>
      </c>
      <c r="D26" s="757">
        <v>-662</v>
      </c>
      <c r="E26" s="758">
        <v>-394</v>
      </c>
      <c r="F26" s="757">
        <v>-268</v>
      </c>
      <c r="G26" s="755">
        <v>-700</v>
      </c>
      <c r="H26" s="758">
        <v>-408</v>
      </c>
      <c r="I26" s="757">
        <v>-292</v>
      </c>
      <c r="J26" s="761" t="s">
        <v>44</v>
      </c>
      <c r="K26" s="762" t="s">
        <v>44</v>
      </c>
      <c r="L26" s="762" t="s">
        <v>44</v>
      </c>
      <c r="M26" s="770">
        <v>700</v>
      </c>
      <c r="N26" s="755">
        <v>408</v>
      </c>
      <c r="O26" s="758">
        <v>292</v>
      </c>
      <c r="P26" s="757">
        <v>38</v>
      </c>
      <c r="Q26" s="758">
        <v>14</v>
      </c>
      <c r="R26" s="757">
        <v>24</v>
      </c>
      <c r="S26" s="758">
        <v>189</v>
      </c>
      <c r="T26" s="758">
        <v>80</v>
      </c>
      <c r="U26" s="758">
        <v>109</v>
      </c>
      <c r="V26" s="758">
        <v>151</v>
      </c>
      <c r="W26" s="758">
        <v>66</v>
      </c>
      <c r="X26" s="755">
        <v>85</v>
      </c>
    </row>
    <row r="27" spans="1:24" ht="16.5" customHeight="1">
      <c r="A27" s="211"/>
      <c r="B27" s="755">
        <v>10452</v>
      </c>
      <c r="C27" s="756" t="s">
        <v>266</v>
      </c>
      <c r="D27" s="757">
        <v>-861</v>
      </c>
      <c r="E27" s="758">
        <v>-460</v>
      </c>
      <c r="F27" s="757">
        <v>-401</v>
      </c>
      <c r="G27" s="755">
        <v>-896</v>
      </c>
      <c r="H27" s="758">
        <v>-476</v>
      </c>
      <c r="I27" s="757">
        <v>-420</v>
      </c>
      <c r="J27" s="761" t="s">
        <v>44</v>
      </c>
      <c r="K27" s="762" t="s">
        <v>44</v>
      </c>
      <c r="L27" s="762" t="s">
        <v>44</v>
      </c>
      <c r="M27" s="770">
        <v>896</v>
      </c>
      <c r="N27" s="755">
        <v>476</v>
      </c>
      <c r="O27" s="758">
        <v>420</v>
      </c>
      <c r="P27" s="757">
        <v>35</v>
      </c>
      <c r="Q27" s="758">
        <v>16</v>
      </c>
      <c r="R27" s="757">
        <v>19</v>
      </c>
      <c r="S27" s="758">
        <v>171</v>
      </c>
      <c r="T27" s="758">
        <v>55</v>
      </c>
      <c r="U27" s="758">
        <v>116</v>
      </c>
      <c r="V27" s="758">
        <v>136</v>
      </c>
      <c r="W27" s="758">
        <v>39</v>
      </c>
      <c r="X27" s="755">
        <v>97</v>
      </c>
    </row>
    <row r="28" spans="1:24" ht="16.5" customHeight="1">
      <c r="A28" s="211"/>
      <c r="B28" s="755">
        <v>5033</v>
      </c>
      <c r="C28" s="756" t="s">
        <v>267</v>
      </c>
      <c r="D28" s="757">
        <v>-721</v>
      </c>
      <c r="E28" s="758">
        <v>-275</v>
      </c>
      <c r="F28" s="757">
        <v>-446</v>
      </c>
      <c r="G28" s="755">
        <v>-734</v>
      </c>
      <c r="H28" s="758">
        <v>-275</v>
      </c>
      <c r="I28" s="757">
        <v>-459</v>
      </c>
      <c r="J28" s="761" t="s">
        <v>44</v>
      </c>
      <c r="K28" s="762" t="s">
        <v>44</v>
      </c>
      <c r="L28" s="762" t="s">
        <v>44</v>
      </c>
      <c r="M28" s="770">
        <v>734</v>
      </c>
      <c r="N28" s="755">
        <v>275</v>
      </c>
      <c r="O28" s="758">
        <v>459</v>
      </c>
      <c r="P28" s="757">
        <v>13</v>
      </c>
      <c r="Q28" s="758">
        <v>0</v>
      </c>
      <c r="R28" s="757">
        <v>13</v>
      </c>
      <c r="S28" s="758">
        <v>90</v>
      </c>
      <c r="T28" s="758">
        <v>28</v>
      </c>
      <c r="U28" s="758">
        <v>62</v>
      </c>
      <c r="V28" s="755">
        <v>77</v>
      </c>
      <c r="W28" s="758">
        <v>28</v>
      </c>
      <c r="X28" s="755">
        <v>49</v>
      </c>
    </row>
    <row r="29" spans="1:24" ht="16.5" customHeight="1">
      <c r="A29" s="211"/>
      <c r="B29" s="766">
        <v>1442</v>
      </c>
      <c r="C29" s="763" t="s">
        <v>268</v>
      </c>
      <c r="D29" s="764">
        <v>-339</v>
      </c>
      <c r="E29" s="765">
        <v>-90</v>
      </c>
      <c r="F29" s="764">
        <v>-249</v>
      </c>
      <c r="G29" s="766">
        <v>-345</v>
      </c>
      <c r="H29" s="765">
        <v>-92</v>
      </c>
      <c r="I29" s="764">
        <v>-253</v>
      </c>
      <c r="J29" s="767" t="s">
        <v>44</v>
      </c>
      <c r="K29" s="768" t="s">
        <v>44</v>
      </c>
      <c r="L29" s="768" t="s">
        <v>44</v>
      </c>
      <c r="M29" s="770">
        <v>345</v>
      </c>
      <c r="N29" s="766">
        <v>92</v>
      </c>
      <c r="O29" s="765">
        <v>253</v>
      </c>
      <c r="P29" s="764">
        <v>6</v>
      </c>
      <c r="Q29" s="765">
        <v>2</v>
      </c>
      <c r="R29" s="764">
        <v>4</v>
      </c>
      <c r="S29" s="758">
        <v>22</v>
      </c>
      <c r="T29" s="765">
        <v>7</v>
      </c>
      <c r="U29" s="765">
        <v>15</v>
      </c>
      <c r="V29" s="765">
        <v>16</v>
      </c>
      <c r="W29" s="765">
        <v>5</v>
      </c>
      <c r="X29" s="766">
        <v>11</v>
      </c>
    </row>
    <row r="30" spans="1:24" ht="16.5" customHeight="1">
      <c r="A30" s="211"/>
      <c r="B30" s="778">
        <v>257</v>
      </c>
      <c r="C30" s="763" t="s">
        <v>700</v>
      </c>
      <c r="D30" s="771">
        <v>-105</v>
      </c>
      <c r="E30" s="765">
        <v>-18</v>
      </c>
      <c r="F30" s="766">
        <v>-87</v>
      </c>
      <c r="G30" s="766">
        <v>-106</v>
      </c>
      <c r="H30" s="765">
        <v>-18</v>
      </c>
      <c r="I30" s="764">
        <v>-88</v>
      </c>
      <c r="J30" s="767" t="s">
        <v>44</v>
      </c>
      <c r="K30" s="768" t="s">
        <v>44</v>
      </c>
      <c r="L30" s="768" t="s">
        <v>44</v>
      </c>
      <c r="M30" s="777">
        <v>106</v>
      </c>
      <c r="N30" s="766">
        <v>18</v>
      </c>
      <c r="O30" s="765">
        <v>88</v>
      </c>
      <c r="P30" s="764">
        <v>1</v>
      </c>
      <c r="Q30" s="765">
        <v>0</v>
      </c>
      <c r="R30" s="766">
        <v>1</v>
      </c>
      <c r="S30" s="773">
        <v>3</v>
      </c>
      <c r="T30" s="765">
        <v>1</v>
      </c>
      <c r="U30" s="765">
        <v>2</v>
      </c>
      <c r="V30" s="765">
        <v>2</v>
      </c>
      <c r="W30" s="765">
        <v>1</v>
      </c>
      <c r="X30" s="766">
        <v>1</v>
      </c>
    </row>
    <row r="31" spans="1:24" ht="16.5" customHeight="1">
      <c r="A31" s="211"/>
      <c r="B31" s="834">
        <v>1752</v>
      </c>
      <c r="C31" s="779" t="s">
        <v>128</v>
      </c>
      <c r="D31" s="781" t="s">
        <v>44</v>
      </c>
      <c r="E31" s="782" t="s">
        <v>44</v>
      </c>
      <c r="F31" s="781" t="s">
        <v>44</v>
      </c>
      <c r="G31" s="783" t="s">
        <v>44</v>
      </c>
      <c r="H31" s="782" t="s">
        <v>44</v>
      </c>
      <c r="I31" s="781" t="s">
        <v>44</v>
      </c>
      <c r="J31" s="783" t="s">
        <v>44</v>
      </c>
      <c r="K31" s="782" t="s">
        <v>44</v>
      </c>
      <c r="L31" s="782" t="s">
        <v>44</v>
      </c>
      <c r="M31" s="780" t="s">
        <v>44</v>
      </c>
      <c r="N31" s="782" t="s">
        <v>44</v>
      </c>
      <c r="O31" s="780" t="s">
        <v>44</v>
      </c>
      <c r="P31" s="781" t="s">
        <v>44</v>
      </c>
      <c r="Q31" s="782" t="s">
        <v>44</v>
      </c>
      <c r="R31" s="781" t="s">
        <v>44</v>
      </c>
      <c r="S31" s="784" t="s">
        <v>44</v>
      </c>
      <c r="T31" s="782" t="s">
        <v>44</v>
      </c>
      <c r="U31" s="780" t="s">
        <v>44</v>
      </c>
      <c r="V31" s="781" t="s">
        <v>44</v>
      </c>
      <c r="W31" s="782" t="s">
        <v>44</v>
      </c>
      <c r="X31" s="783" t="s">
        <v>44</v>
      </c>
    </row>
    <row r="32" spans="1:24" ht="16.5" customHeight="1">
      <c r="A32" s="211"/>
      <c r="B32" s="755">
        <v>36305</v>
      </c>
      <c r="C32" s="756" t="s">
        <v>502</v>
      </c>
      <c r="D32" s="757">
        <v>2071</v>
      </c>
      <c r="E32" s="758">
        <v>1083</v>
      </c>
      <c r="F32" s="757">
        <v>988</v>
      </c>
      <c r="G32" s="755">
        <v>1922</v>
      </c>
      <c r="H32" s="758">
        <v>969</v>
      </c>
      <c r="I32" s="757">
        <v>953</v>
      </c>
      <c r="J32" s="755">
        <v>1926</v>
      </c>
      <c r="K32" s="755">
        <v>973</v>
      </c>
      <c r="L32" s="758">
        <v>953</v>
      </c>
      <c r="M32" s="757">
        <v>4</v>
      </c>
      <c r="N32" s="758">
        <v>4</v>
      </c>
      <c r="O32" s="770">
        <v>0</v>
      </c>
      <c r="P32" s="757">
        <v>149</v>
      </c>
      <c r="Q32" s="758">
        <v>114</v>
      </c>
      <c r="R32" s="757">
        <v>35</v>
      </c>
      <c r="S32" s="755">
        <v>1336</v>
      </c>
      <c r="T32" s="758">
        <v>691</v>
      </c>
      <c r="U32" s="770">
        <v>645</v>
      </c>
      <c r="V32" s="757">
        <v>1187</v>
      </c>
      <c r="W32" s="758">
        <v>577</v>
      </c>
      <c r="X32" s="757">
        <v>610</v>
      </c>
    </row>
    <row r="33" spans="1:24" ht="16.5" customHeight="1">
      <c r="A33" s="211"/>
      <c r="B33" s="755">
        <v>192239</v>
      </c>
      <c r="C33" s="756" t="s">
        <v>503</v>
      </c>
      <c r="D33" s="757">
        <v>-687</v>
      </c>
      <c r="E33" s="758">
        <v>-363</v>
      </c>
      <c r="F33" s="757">
        <v>-324</v>
      </c>
      <c r="G33" s="755">
        <v>-320</v>
      </c>
      <c r="H33" s="758">
        <v>-214</v>
      </c>
      <c r="I33" s="757">
        <v>-106</v>
      </c>
      <c r="J33" s="761" t="s">
        <v>44</v>
      </c>
      <c r="K33" s="762" t="s">
        <v>44</v>
      </c>
      <c r="L33" s="762" t="s">
        <v>44</v>
      </c>
      <c r="M33" s="757">
        <v>320</v>
      </c>
      <c r="N33" s="758">
        <v>214</v>
      </c>
      <c r="O33" s="770">
        <v>106</v>
      </c>
      <c r="P33" s="757">
        <v>-367</v>
      </c>
      <c r="Q33" s="758">
        <v>-149</v>
      </c>
      <c r="R33" s="757">
        <v>-218</v>
      </c>
      <c r="S33" s="755">
        <v>11921</v>
      </c>
      <c r="T33" s="758">
        <v>5916</v>
      </c>
      <c r="U33" s="770">
        <v>6005</v>
      </c>
      <c r="V33" s="757">
        <v>12288</v>
      </c>
      <c r="W33" s="758">
        <v>6065</v>
      </c>
      <c r="X33" s="757">
        <v>6223</v>
      </c>
    </row>
    <row r="34" spans="1:24" ht="16.5" customHeight="1" thickBot="1">
      <c r="A34" s="211"/>
      <c r="B34" s="755">
        <v>107994</v>
      </c>
      <c r="C34" s="756" t="s">
        <v>504</v>
      </c>
      <c r="D34" s="757">
        <v>-3695</v>
      </c>
      <c r="E34" s="758">
        <v>-1898</v>
      </c>
      <c r="F34" s="757">
        <v>-1797</v>
      </c>
      <c r="G34" s="755">
        <v>-3913</v>
      </c>
      <c r="H34" s="758">
        <v>-2013</v>
      </c>
      <c r="I34" s="757">
        <v>-1900</v>
      </c>
      <c r="J34" s="761" t="s">
        <v>44</v>
      </c>
      <c r="K34" s="762" t="s">
        <v>44</v>
      </c>
      <c r="L34" s="838" t="s">
        <v>44</v>
      </c>
      <c r="M34" s="757">
        <v>3913</v>
      </c>
      <c r="N34" s="758">
        <v>2013</v>
      </c>
      <c r="O34" s="770">
        <v>1900</v>
      </c>
      <c r="P34" s="757">
        <v>218</v>
      </c>
      <c r="Q34" s="758">
        <v>115</v>
      </c>
      <c r="R34" s="757">
        <v>103</v>
      </c>
      <c r="S34" s="755">
        <v>1336</v>
      </c>
      <c r="T34" s="758">
        <v>620</v>
      </c>
      <c r="U34" s="770">
        <v>716</v>
      </c>
      <c r="V34" s="757">
        <v>1118</v>
      </c>
      <c r="W34" s="758">
        <v>505</v>
      </c>
      <c r="X34" s="757">
        <v>613</v>
      </c>
    </row>
    <row r="35" spans="1:24" ht="16.5" customHeight="1" thickTop="1">
      <c r="A35" s="223"/>
      <c r="B35" s="786" t="s">
        <v>175</v>
      </c>
      <c r="C35" s="787"/>
      <c r="D35" s="788" t="s">
        <v>175</v>
      </c>
      <c r="E35" s="789" t="s">
        <v>175</v>
      </c>
      <c r="F35" s="788" t="s">
        <v>175</v>
      </c>
      <c r="G35" s="786" t="s">
        <v>175</v>
      </c>
      <c r="H35" s="789" t="s">
        <v>175</v>
      </c>
      <c r="I35" s="788" t="s">
        <v>175</v>
      </c>
      <c r="J35" s="786" t="s">
        <v>175</v>
      </c>
      <c r="K35" s="789" t="s">
        <v>175</v>
      </c>
      <c r="L35" s="789" t="s">
        <v>175</v>
      </c>
      <c r="M35" s="788" t="s">
        <v>175</v>
      </c>
      <c r="N35" s="789" t="s">
        <v>175</v>
      </c>
      <c r="O35" s="790" t="s">
        <v>175</v>
      </c>
      <c r="P35" s="788" t="s">
        <v>175</v>
      </c>
      <c r="Q35" s="789" t="s">
        <v>175</v>
      </c>
      <c r="R35" s="788" t="s">
        <v>175</v>
      </c>
      <c r="S35" s="786" t="s">
        <v>175</v>
      </c>
      <c r="T35" s="789" t="s">
        <v>175</v>
      </c>
      <c r="U35" s="790" t="s">
        <v>175</v>
      </c>
      <c r="V35" s="788" t="s">
        <v>175</v>
      </c>
      <c r="W35" s="789" t="s">
        <v>175</v>
      </c>
      <c r="X35" s="788" t="s">
        <v>175</v>
      </c>
    </row>
    <row r="36" spans="1:24" ht="16.5" customHeight="1">
      <c r="A36" s="211"/>
      <c r="B36" s="791">
        <v>100</v>
      </c>
      <c r="C36" s="746" t="s">
        <v>214</v>
      </c>
      <c r="D36" s="792" t="s">
        <v>364</v>
      </c>
      <c r="E36" s="793" t="s">
        <v>683</v>
      </c>
      <c r="F36" s="792" t="s">
        <v>364</v>
      </c>
      <c r="G36" s="794" t="s">
        <v>364</v>
      </c>
      <c r="H36" s="793" t="s">
        <v>619</v>
      </c>
      <c r="I36" s="792" t="s">
        <v>364</v>
      </c>
      <c r="J36" s="791">
        <v>100</v>
      </c>
      <c r="K36" s="795">
        <v>100</v>
      </c>
      <c r="L36" s="795">
        <v>100</v>
      </c>
      <c r="M36" s="796">
        <v>100</v>
      </c>
      <c r="N36" s="795">
        <v>100</v>
      </c>
      <c r="O36" s="797">
        <v>100</v>
      </c>
      <c r="P36" s="794" t="s">
        <v>683</v>
      </c>
      <c r="Q36" s="793" t="s">
        <v>451</v>
      </c>
      <c r="R36" s="792" t="s">
        <v>364</v>
      </c>
      <c r="S36" s="791">
        <v>100</v>
      </c>
      <c r="T36" s="795">
        <v>100</v>
      </c>
      <c r="U36" s="797">
        <v>100</v>
      </c>
      <c r="V36" s="796">
        <v>100</v>
      </c>
      <c r="W36" s="795">
        <v>100</v>
      </c>
      <c r="X36" s="796">
        <v>100</v>
      </c>
    </row>
    <row r="37" spans="1:24" ht="16.5" customHeight="1">
      <c r="A37" s="211"/>
      <c r="B37" s="798"/>
      <c r="C37" s="751"/>
      <c r="D37" s="799"/>
      <c r="E37" s="800"/>
      <c r="F37" s="799"/>
      <c r="G37" s="798"/>
      <c r="H37" s="800"/>
      <c r="I37" s="799"/>
      <c r="J37" s="798"/>
      <c r="K37" s="800"/>
      <c r="L37" s="800"/>
      <c r="M37" s="799"/>
      <c r="N37" s="800"/>
      <c r="O37" s="801"/>
      <c r="P37" s="799"/>
      <c r="Q37" s="800"/>
      <c r="R37" s="799"/>
      <c r="S37" s="798"/>
      <c r="T37" s="800"/>
      <c r="U37" s="801"/>
      <c r="V37" s="799"/>
      <c r="W37" s="800"/>
      <c r="X37" s="799"/>
    </row>
    <row r="38" spans="1:24" ht="16.5" customHeight="1">
      <c r="A38" s="211"/>
      <c r="B38" s="802">
        <v>3.1</v>
      </c>
      <c r="C38" s="756" t="s">
        <v>670</v>
      </c>
      <c r="D38" s="803" t="s">
        <v>701</v>
      </c>
      <c r="E38" s="804" t="s">
        <v>451</v>
      </c>
      <c r="F38" s="803" t="s">
        <v>451</v>
      </c>
      <c r="G38" s="805" t="s">
        <v>683</v>
      </c>
      <c r="H38" s="804" t="s">
        <v>451</v>
      </c>
      <c r="I38" s="803" t="s">
        <v>364</v>
      </c>
      <c r="J38" s="811">
        <v>100</v>
      </c>
      <c r="K38" s="809">
        <v>100</v>
      </c>
      <c r="L38" s="809">
        <v>100</v>
      </c>
      <c r="M38" s="808">
        <v>0</v>
      </c>
      <c r="N38" s="809">
        <v>0.1</v>
      </c>
      <c r="O38" s="810">
        <v>0</v>
      </c>
      <c r="P38" s="805" t="s">
        <v>364</v>
      </c>
      <c r="Q38" s="804" t="s">
        <v>619</v>
      </c>
      <c r="R38" s="803" t="s">
        <v>451</v>
      </c>
      <c r="S38" s="811">
        <v>5.3</v>
      </c>
      <c r="T38" s="809">
        <v>5.7</v>
      </c>
      <c r="U38" s="810">
        <v>4.8</v>
      </c>
      <c r="V38" s="808">
        <v>4.5</v>
      </c>
      <c r="W38" s="809">
        <v>4.5</v>
      </c>
      <c r="X38" s="808">
        <v>4.5</v>
      </c>
    </row>
    <row r="39" spans="1:24" ht="16.5" customHeight="1">
      <c r="A39" s="211"/>
      <c r="B39" s="802">
        <v>3.6</v>
      </c>
      <c r="C39" s="756" t="s">
        <v>702</v>
      </c>
      <c r="D39" s="805" t="s">
        <v>44</v>
      </c>
      <c r="E39" s="804" t="s">
        <v>44</v>
      </c>
      <c r="F39" s="803" t="s">
        <v>44</v>
      </c>
      <c r="G39" s="805" t="s">
        <v>44</v>
      </c>
      <c r="H39" s="804" t="s">
        <v>44</v>
      </c>
      <c r="I39" s="803" t="s">
        <v>44</v>
      </c>
      <c r="J39" s="805" t="s">
        <v>44</v>
      </c>
      <c r="K39" s="804" t="s">
        <v>44</v>
      </c>
      <c r="L39" s="804" t="s">
        <v>44</v>
      </c>
      <c r="M39" s="808">
        <v>0</v>
      </c>
      <c r="N39" s="809">
        <v>0</v>
      </c>
      <c r="O39" s="810">
        <v>0</v>
      </c>
      <c r="P39" s="805" t="s">
        <v>44</v>
      </c>
      <c r="Q39" s="804" t="s">
        <v>44</v>
      </c>
      <c r="R39" s="803" t="s">
        <v>44</v>
      </c>
      <c r="S39" s="811">
        <v>2.6</v>
      </c>
      <c r="T39" s="809">
        <v>2.6</v>
      </c>
      <c r="U39" s="810">
        <v>2.6</v>
      </c>
      <c r="V39" s="808">
        <v>2.4</v>
      </c>
      <c r="W39" s="809">
        <v>2.2999999999999998</v>
      </c>
      <c r="X39" s="808">
        <v>2.5</v>
      </c>
    </row>
    <row r="40" spans="1:24" ht="16.5" customHeight="1">
      <c r="A40" s="211"/>
      <c r="B40" s="802">
        <v>4</v>
      </c>
      <c r="C40" s="756" t="s">
        <v>646</v>
      </c>
      <c r="D40" s="805" t="s">
        <v>44</v>
      </c>
      <c r="E40" s="804" t="s">
        <v>44</v>
      </c>
      <c r="F40" s="803" t="s">
        <v>44</v>
      </c>
      <c r="G40" s="805" t="s">
        <v>44</v>
      </c>
      <c r="H40" s="804" t="s">
        <v>44</v>
      </c>
      <c r="I40" s="803" t="s">
        <v>44</v>
      </c>
      <c r="J40" s="805" t="s">
        <v>44</v>
      </c>
      <c r="K40" s="804" t="s">
        <v>44</v>
      </c>
      <c r="L40" s="804" t="s">
        <v>44</v>
      </c>
      <c r="M40" s="808">
        <v>0</v>
      </c>
      <c r="N40" s="809">
        <v>0</v>
      </c>
      <c r="O40" s="810">
        <v>0</v>
      </c>
      <c r="P40" s="805" t="s">
        <v>44</v>
      </c>
      <c r="Q40" s="804" t="s">
        <v>44</v>
      </c>
      <c r="R40" s="803" t="s">
        <v>44</v>
      </c>
      <c r="S40" s="811">
        <v>1.3</v>
      </c>
      <c r="T40" s="809">
        <v>1.3</v>
      </c>
      <c r="U40" s="810">
        <v>1.3</v>
      </c>
      <c r="V40" s="808">
        <v>1.2</v>
      </c>
      <c r="W40" s="809">
        <v>1.3</v>
      </c>
      <c r="X40" s="808">
        <v>1.2</v>
      </c>
    </row>
    <row r="41" spans="1:24" ht="16.5" customHeight="1">
      <c r="A41" s="211"/>
      <c r="B41" s="802">
        <v>4.5999999999999996</v>
      </c>
      <c r="C41" s="756" t="s">
        <v>647</v>
      </c>
      <c r="D41" s="805" t="s">
        <v>44</v>
      </c>
      <c r="E41" s="804" t="s">
        <v>44</v>
      </c>
      <c r="F41" s="803" t="s">
        <v>44</v>
      </c>
      <c r="G41" s="805" t="s">
        <v>44</v>
      </c>
      <c r="H41" s="804" t="s">
        <v>44</v>
      </c>
      <c r="I41" s="803" t="s">
        <v>44</v>
      </c>
      <c r="J41" s="805" t="s">
        <v>44</v>
      </c>
      <c r="K41" s="804" t="s">
        <v>44</v>
      </c>
      <c r="L41" s="804" t="s">
        <v>44</v>
      </c>
      <c r="M41" s="808">
        <v>0.1</v>
      </c>
      <c r="N41" s="809">
        <v>0.1</v>
      </c>
      <c r="O41" s="810">
        <v>0</v>
      </c>
      <c r="P41" s="805" t="s">
        <v>44</v>
      </c>
      <c r="Q41" s="804" t="s">
        <v>44</v>
      </c>
      <c r="R41" s="803" t="s">
        <v>44</v>
      </c>
      <c r="S41" s="811">
        <v>4.3</v>
      </c>
      <c r="T41" s="809">
        <v>3.7</v>
      </c>
      <c r="U41" s="810">
        <v>4.8</v>
      </c>
      <c r="V41" s="808">
        <v>4.3</v>
      </c>
      <c r="W41" s="809">
        <v>4.0999999999999996</v>
      </c>
      <c r="X41" s="808">
        <v>4.5</v>
      </c>
    </row>
    <row r="42" spans="1:24" ht="16.5" customHeight="1">
      <c r="A42" s="211"/>
      <c r="B42" s="800">
        <v>4.7</v>
      </c>
      <c r="C42" s="763" t="s">
        <v>672</v>
      </c>
      <c r="D42" s="812" t="s">
        <v>44</v>
      </c>
      <c r="E42" s="813" t="s">
        <v>44</v>
      </c>
      <c r="F42" s="814" t="s">
        <v>44</v>
      </c>
      <c r="G42" s="812" t="s">
        <v>44</v>
      </c>
      <c r="H42" s="813" t="s">
        <v>44</v>
      </c>
      <c r="I42" s="814" t="s">
        <v>44</v>
      </c>
      <c r="J42" s="812" t="s">
        <v>44</v>
      </c>
      <c r="K42" s="813" t="s">
        <v>44</v>
      </c>
      <c r="L42" s="813" t="s">
        <v>44</v>
      </c>
      <c r="M42" s="815">
        <v>0.1</v>
      </c>
      <c r="N42" s="816">
        <v>0.1</v>
      </c>
      <c r="O42" s="817">
        <v>0</v>
      </c>
      <c r="P42" s="812" t="s">
        <v>44</v>
      </c>
      <c r="Q42" s="813" t="s">
        <v>44</v>
      </c>
      <c r="R42" s="814" t="s">
        <v>44</v>
      </c>
      <c r="S42" s="818">
        <v>16.399999999999999</v>
      </c>
      <c r="T42" s="816">
        <v>14.5</v>
      </c>
      <c r="U42" s="817">
        <v>18.2</v>
      </c>
      <c r="V42" s="815">
        <v>19.7</v>
      </c>
      <c r="W42" s="816">
        <v>18.5</v>
      </c>
      <c r="X42" s="815">
        <v>21</v>
      </c>
    </row>
    <row r="43" spans="1:24" ht="16.5" customHeight="1">
      <c r="A43" s="211"/>
      <c r="B43" s="802">
        <v>4.0999999999999996</v>
      </c>
      <c r="C43" s="756" t="s">
        <v>564</v>
      </c>
      <c r="D43" s="805" t="s">
        <v>44</v>
      </c>
      <c r="E43" s="804" t="s">
        <v>44</v>
      </c>
      <c r="F43" s="803" t="s">
        <v>44</v>
      </c>
      <c r="G43" s="805" t="s">
        <v>44</v>
      </c>
      <c r="H43" s="804" t="s">
        <v>44</v>
      </c>
      <c r="I43" s="803" t="s">
        <v>44</v>
      </c>
      <c r="J43" s="805" t="s">
        <v>44</v>
      </c>
      <c r="K43" s="804" t="s">
        <v>44</v>
      </c>
      <c r="L43" s="804" t="s">
        <v>44</v>
      </c>
      <c r="M43" s="808">
        <v>0.1</v>
      </c>
      <c r="N43" s="809">
        <v>0.1</v>
      </c>
      <c r="O43" s="810">
        <v>0.1</v>
      </c>
      <c r="P43" s="805" t="s">
        <v>44</v>
      </c>
      <c r="Q43" s="804" t="s">
        <v>44</v>
      </c>
      <c r="R43" s="803" t="s">
        <v>44</v>
      </c>
      <c r="S43" s="811">
        <v>17.3</v>
      </c>
      <c r="T43" s="809">
        <v>17.399999999999999</v>
      </c>
      <c r="U43" s="810">
        <v>17.100000000000001</v>
      </c>
      <c r="V43" s="808">
        <v>18.899999999999999</v>
      </c>
      <c r="W43" s="809">
        <v>18.399999999999999</v>
      </c>
      <c r="X43" s="808">
        <v>19.3</v>
      </c>
    </row>
    <row r="44" spans="1:24" ht="16.5" customHeight="1">
      <c r="A44" s="729" t="s">
        <v>586</v>
      </c>
      <c r="B44" s="802">
        <v>4.4000000000000004</v>
      </c>
      <c r="C44" s="756" t="s">
        <v>479</v>
      </c>
      <c r="D44" s="805" t="s">
        <v>44</v>
      </c>
      <c r="E44" s="804" t="s">
        <v>44</v>
      </c>
      <c r="F44" s="803" t="s">
        <v>44</v>
      </c>
      <c r="G44" s="805" t="s">
        <v>44</v>
      </c>
      <c r="H44" s="804" t="s">
        <v>44</v>
      </c>
      <c r="I44" s="803" t="s">
        <v>44</v>
      </c>
      <c r="J44" s="805" t="s">
        <v>44</v>
      </c>
      <c r="K44" s="804" t="s">
        <v>44</v>
      </c>
      <c r="L44" s="804" t="s">
        <v>44</v>
      </c>
      <c r="M44" s="808">
        <v>0.1</v>
      </c>
      <c r="N44" s="809">
        <v>0.1</v>
      </c>
      <c r="O44" s="810">
        <v>0.1</v>
      </c>
      <c r="P44" s="805" t="s">
        <v>44</v>
      </c>
      <c r="Q44" s="804" t="s">
        <v>44</v>
      </c>
      <c r="R44" s="803" t="s">
        <v>44</v>
      </c>
      <c r="S44" s="811">
        <v>11.8</v>
      </c>
      <c r="T44" s="809">
        <v>12</v>
      </c>
      <c r="U44" s="810">
        <v>11.6</v>
      </c>
      <c r="V44" s="808">
        <v>12.5</v>
      </c>
      <c r="W44" s="809">
        <v>12.7</v>
      </c>
      <c r="X44" s="808">
        <v>12.4</v>
      </c>
    </row>
    <row r="45" spans="1:24" ht="16.5" customHeight="1">
      <c r="A45" s="729"/>
      <c r="B45" s="802">
        <v>5.3</v>
      </c>
      <c r="C45" s="756" t="s">
        <v>622</v>
      </c>
      <c r="D45" s="805" t="s">
        <v>44</v>
      </c>
      <c r="E45" s="804" t="s">
        <v>44</v>
      </c>
      <c r="F45" s="803" t="s">
        <v>44</v>
      </c>
      <c r="G45" s="805" t="s">
        <v>44</v>
      </c>
      <c r="H45" s="804" t="s">
        <v>44</v>
      </c>
      <c r="I45" s="803" t="s">
        <v>44</v>
      </c>
      <c r="J45" s="805" t="s">
        <v>44</v>
      </c>
      <c r="K45" s="804" t="s">
        <v>44</v>
      </c>
      <c r="L45" s="804" t="s">
        <v>44</v>
      </c>
      <c r="M45" s="808">
        <v>0.3</v>
      </c>
      <c r="N45" s="809">
        <v>0.3</v>
      </c>
      <c r="O45" s="810">
        <v>0.2</v>
      </c>
      <c r="P45" s="805" t="s">
        <v>44</v>
      </c>
      <c r="Q45" s="804" t="s">
        <v>44</v>
      </c>
      <c r="R45" s="803" t="s">
        <v>44</v>
      </c>
      <c r="S45" s="811">
        <v>8.9</v>
      </c>
      <c r="T45" s="809">
        <v>9.1</v>
      </c>
      <c r="U45" s="810">
        <v>8.6999999999999993</v>
      </c>
      <c r="V45" s="808">
        <v>8.6999999999999993</v>
      </c>
      <c r="W45" s="809">
        <v>9</v>
      </c>
      <c r="X45" s="808">
        <v>8.4</v>
      </c>
    </row>
    <row r="46" spans="1:24" ht="16.5" customHeight="1">
      <c r="A46" s="731"/>
      <c r="B46" s="802">
        <v>6.3</v>
      </c>
      <c r="C46" s="756" t="s">
        <v>703</v>
      </c>
      <c r="D46" s="805" t="s">
        <v>44</v>
      </c>
      <c r="E46" s="804" t="s">
        <v>44</v>
      </c>
      <c r="F46" s="803" t="s">
        <v>44</v>
      </c>
      <c r="G46" s="805" t="s">
        <v>44</v>
      </c>
      <c r="H46" s="804" t="s">
        <v>44</v>
      </c>
      <c r="I46" s="803" t="s">
        <v>44</v>
      </c>
      <c r="J46" s="805" t="s">
        <v>44</v>
      </c>
      <c r="K46" s="804" t="s">
        <v>44</v>
      </c>
      <c r="L46" s="804" t="s">
        <v>44</v>
      </c>
      <c r="M46" s="808">
        <v>0.2</v>
      </c>
      <c r="N46" s="809">
        <v>0.3</v>
      </c>
      <c r="O46" s="810">
        <v>0.1</v>
      </c>
      <c r="P46" s="805" t="s">
        <v>44</v>
      </c>
      <c r="Q46" s="804" t="s">
        <v>44</v>
      </c>
      <c r="R46" s="803" t="s">
        <v>44</v>
      </c>
      <c r="S46" s="811">
        <v>7.1</v>
      </c>
      <c r="T46" s="809">
        <v>7</v>
      </c>
      <c r="U46" s="810">
        <v>7.2</v>
      </c>
      <c r="V46" s="808">
        <v>6.8</v>
      </c>
      <c r="W46" s="809">
        <v>6.7</v>
      </c>
      <c r="X46" s="808">
        <v>6.9</v>
      </c>
    </row>
    <row r="47" spans="1:24" ht="16.5" customHeight="1">
      <c r="A47" s="731"/>
      <c r="B47" s="800">
        <v>7.8</v>
      </c>
      <c r="C47" s="763" t="s">
        <v>634</v>
      </c>
      <c r="D47" s="812" t="s">
        <v>44</v>
      </c>
      <c r="E47" s="813" t="s">
        <v>44</v>
      </c>
      <c r="F47" s="814" t="s">
        <v>44</v>
      </c>
      <c r="G47" s="812" t="s">
        <v>44</v>
      </c>
      <c r="H47" s="813" t="s">
        <v>44</v>
      </c>
      <c r="I47" s="814" t="s">
        <v>44</v>
      </c>
      <c r="J47" s="812" t="s">
        <v>44</v>
      </c>
      <c r="K47" s="813" t="s">
        <v>44</v>
      </c>
      <c r="L47" s="813" t="s">
        <v>44</v>
      </c>
      <c r="M47" s="815">
        <v>1.1000000000000001</v>
      </c>
      <c r="N47" s="816">
        <v>1.3</v>
      </c>
      <c r="O47" s="817">
        <v>0.8</v>
      </c>
      <c r="P47" s="812" t="s">
        <v>44</v>
      </c>
      <c r="Q47" s="813" t="s">
        <v>44</v>
      </c>
      <c r="R47" s="814" t="s">
        <v>44</v>
      </c>
      <c r="S47" s="818">
        <v>5.0999999999999996</v>
      </c>
      <c r="T47" s="816">
        <v>6.2</v>
      </c>
      <c r="U47" s="817">
        <v>4.0999999999999996</v>
      </c>
      <c r="V47" s="815">
        <v>4.5</v>
      </c>
      <c r="W47" s="816">
        <v>5.7</v>
      </c>
      <c r="X47" s="815">
        <v>3.4</v>
      </c>
    </row>
    <row r="48" spans="1:24" ht="16.5" customHeight="1">
      <c r="A48" s="729" t="s">
        <v>520</v>
      </c>
      <c r="B48" s="802">
        <v>7.3</v>
      </c>
      <c r="C48" s="756" t="s">
        <v>704</v>
      </c>
      <c r="D48" s="805" t="s">
        <v>44</v>
      </c>
      <c r="E48" s="804" t="s">
        <v>44</v>
      </c>
      <c r="F48" s="803" t="s">
        <v>44</v>
      </c>
      <c r="G48" s="805" t="s">
        <v>44</v>
      </c>
      <c r="H48" s="804" t="s">
        <v>44</v>
      </c>
      <c r="I48" s="803" t="s">
        <v>44</v>
      </c>
      <c r="J48" s="805" t="s">
        <v>44</v>
      </c>
      <c r="K48" s="804" t="s">
        <v>44</v>
      </c>
      <c r="L48" s="804" t="s">
        <v>44</v>
      </c>
      <c r="M48" s="808">
        <v>1.2</v>
      </c>
      <c r="N48" s="809">
        <v>1.6</v>
      </c>
      <c r="O48" s="810">
        <v>0.8</v>
      </c>
      <c r="P48" s="805" t="s">
        <v>44</v>
      </c>
      <c r="Q48" s="804" t="s">
        <v>44</v>
      </c>
      <c r="R48" s="803" t="s">
        <v>44</v>
      </c>
      <c r="S48" s="811">
        <v>4.4000000000000004</v>
      </c>
      <c r="T48" s="809">
        <v>4.8</v>
      </c>
      <c r="U48" s="810">
        <v>4.0999999999999996</v>
      </c>
      <c r="V48" s="808">
        <v>4.0999999999999996</v>
      </c>
      <c r="W48" s="809">
        <v>4.5999999999999996</v>
      </c>
      <c r="X48" s="808">
        <v>3.6</v>
      </c>
    </row>
    <row r="49" spans="1:24" ht="16.5" customHeight="1">
      <c r="A49" s="731"/>
      <c r="B49" s="802">
        <v>6.4</v>
      </c>
      <c r="C49" s="756" t="s">
        <v>570</v>
      </c>
      <c r="D49" s="805" t="s">
        <v>44</v>
      </c>
      <c r="E49" s="804" t="s">
        <v>44</v>
      </c>
      <c r="F49" s="803" t="s">
        <v>44</v>
      </c>
      <c r="G49" s="805" t="s">
        <v>44</v>
      </c>
      <c r="H49" s="804" t="s">
        <v>44</v>
      </c>
      <c r="I49" s="803" t="s">
        <v>44</v>
      </c>
      <c r="J49" s="805" t="s">
        <v>44</v>
      </c>
      <c r="K49" s="804" t="s">
        <v>44</v>
      </c>
      <c r="L49" s="804" t="s">
        <v>44</v>
      </c>
      <c r="M49" s="808">
        <v>1.5</v>
      </c>
      <c r="N49" s="809">
        <v>2</v>
      </c>
      <c r="O49" s="810">
        <v>0.9</v>
      </c>
      <c r="P49" s="805" t="s">
        <v>44</v>
      </c>
      <c r="Q49" s="804" t="s">
        <v>44</v>
      </c>
      <c r="R49" s="803" t="s">
        <v>44</v>
      </c>
      <c r="S49" s="811">
        <v>3.6</v>
      </c>
      <c r="T49" s="809">
        <v>3.9</v>
      </c>
      <c r="U49" s="810">
        <v>3.4</v>
      </c>
      <c r="V49" s="808">
        <v>2.6</v>
      </c>
      <c r="W49" s="809">
        <v>2.8</v>
      </c>
      <c r="X49" s="808">
        <v>2.4</v>
      </c>
    </row>
    <row r="50" spans="1:24" ht="16.5" customHeight="1">
      <c r="A50" s="729"/>
      <c r="B50" s="802">
        <v>6.2</v>
      </c>
      <c r="C50" s="756" t="s">
        <v>705</v>
      </c>
      <c r="D50" s="805" t="s">
        <v>44</v>
      </c>
      <c r="E50" s="804" t="s">
        <v>44</v>
      </c>
      <c r="F50" s="803" t="s">
        <v>44</v>
      </c>
      <c r="G50" s="805" t="s">
        <v>44</v>
      </c>
      <c r="H50" s="804" t="s">
        <v>44</v>
      </c>
      <c r="I50" s="803" t="s">
        <v>44</v>
      </c>
      <c r="J50" s="805" t="s">
        <v>44</v>
      </c>
      <c r="K50" s="804" t="s">
        <v>44</v>
      </c>
      <c r="L50" s="804" t="s">
        <v>44</v>
      </c>
      <c r="M50" s="808">
        <v>2.9</v>
      </c>
      <c r="N50" s="809">
        <v>3.7</v>
      </c>
      <c r="O50" s="810">
        <v>2</v>
      </c>
      <c r="P50" s="805" t="s">
        <v>44</v>
      </c>
      <c r="Q50" s="804" t="s">
        <v>44</v>
      </c>
      <c r="R50" s="803" t="s">
        <v>44</v>
      </c>
      <c r="S50" s="811">
        <v>2.7</v>
      </c>
      <c r="T50" s="809">
        <v>3.2</v>
      </c>
      <c r="U50" s="810">
        <v>2.2000000000000002</v>
      </c>
      <c r="V50" s="808">
        <v>2.1</v>
      </c>
      <c r="W50" s="809">
        <v>2.5</v>
      </c>
      <c r="X50" s="808">
        <v>1.7</v>
      </c>
    </row>
    <row r="51" spans="1:24" ht="16.5" customHeight="1">
      <c r="A51" s="731"/>
      <c r="B51" s="802">
        <v>7.4</v>
      </c>
      <c r="C51" s="756" t="s">
        <v>610</v>
      </c>
      <c r="D51" s="805" t="s">
        <v>44</v>
      </c>
      <c r="E51" s="804" t="s">
        <v>44</v>
      </c>
      <c r="F51" s="803" t="s">
        <v>44</v>
      </c>
      <c r="G51" s="805" t="s">
        <v>44</v>
      </c>
      <c r="H51" s="804" t="s">
        <v>44</v>
      </c>
      <c r="I51" s="803" t="s">
        <v>44</v>
      </c>
      <c r="J51" s="805" t="s">
        <v>44</v>
      </c>
      <c r="K51" s="804" t="s">
        <v>44</v>
      </c>
      <c r="L51" s="804" t="s">
        <v>44</v>
      </c>
      <c r="M51" s="808">
        <v>5.0999999999999996</v>
      </c>
      <c r="N51" s="809">
        <v>6.4</v>
      </c>
      <c r="O51" s="810">
        <v>3.6</v>
      </c>
      <c r="P51" s="805" t="s">
        <v>44</v>
      </c>
      <c r="Q51" s="804" t="s">
        <v>44</v>
      </c>
      <c r="R51" s="803" t="s">
        <v>44</v>
      </c>
      <c r="S51" s="811">
        <v>2.2000000000000002</v>
      </c>
      <c r="T51" s="809">
        <v>2.5</v>
      </c>
      <c r="U51" s="810">
        <v>1.9</v>
      </c>
      <c r="V51" s="808">
        <v>1.8</v>
      </c>
      <c r="W51" s="809">
        <v>1.9</v>
      </c>
      <c r="X51" s="808">
        <v>1.7</v>
      </c>
    </row>
    <row r="52" spans="1:24" ht="16.5" customHeight="1">
      <c r="A52" s="729" t="s">
        <v>589</v>
      </c>
      <c r="B52" s="800">
        <v>8</v>
      </c>
      <c r="C52" s="763" t="s">
        <v>679</v>
      </c>
      <c r="D52" s="812" t="s">
        <v>44</v>
      </c>
      <c r="E52" s="813" t="s">
        <v>44</v>
      </c>
      <c r="F52" s="814" t="s">
        <v>44</v>
      </c>
      <c r="G52" s="812" t="s">
        <v>44</v>
      </c>
      <c r="H52" s="813" t="s">
        <v>44</v>
      </c>
      <c r="I52" s="814" t="s">
        <v>44</v>
      </c>
      <c r="J52" s="812" t="s">
        <v>44</v>
      </c>
      <c r="K52" s="813" t="s">
        <v>44</v>
      </c>
      <c r="L52" s="813" t="s">
        <v>44</v>
      </c>
      <c r="M52" s="815">
        <v>9.5</v>
      </c>
      <c r="N52" s="816">
        <v>12.1</v>
      </c>
      <c r="O52" s="817">
        <v>6.5</v>
      </c>
      <c r="P52" s="812" t="s">
        <v>44</v>
      </c>
      <c r="Q52" s="813" t="s">
        <v>44</v>
      </c>
      <c r="R52" s="814" t="s">
        <v>44</v>
      </c>
      <c r="S52" s="818">
        <v>2</v>
      </c>
      <c r="T52" s="816">
        <v>2.1</v>
      </c>
      <c r="U52" s="817">
        <v>1.9</v>
      </c>
      <c r="V52" s="815">
        <v>1.8</v>
      </c>
      <c r="W52" s="816">
        <v>2</v>
      </c>
      <c r="X52" s="815">
        <v>1.7</v>
      </c>
    </row>
    <row r="53" spans="1:24" ht="16.5" customHeight="1">
      <c r="A53" s="211"/>
      <c r="B53" s="802">
        <v>6.8</v>
      </c>
      <c r="C53" s="756" t="s">
        <v>706</v>
      </c>
      <c r="D53" s="805" t="s">
        <v>44</v>
      </c>
      <c r="E53" s="804" t="s">
        <v>44</v>
      </c>
      <c r="F53" s="803" t="s">
        <v>44</v>
      </c>
      <c r="G53" s="805" t="s">
        <v>44</v>
      </c>
      <c r="H53" s="804" t="s">
        <v>44</v>
      </c>
      <c r="I53" s="803" t="s">
        <v>44</v>
      </c>
      <c r="J53" s="805" t="s">
        <v>44</v>
      </c>
      <c r="K53" s="804" t="s">
        <v>44</v>
      </c>
      <c r="L53" s="804" t="s">
        <v>44</v>
      </c>
      <c r="M53" s="808">
        <v>12.2</v>
      </c>
      <c r="N53" s="809">
        <v>14.8</v>
      </c>
      <c r="O53" s="810">
        <v>9.1999999999999993</v>
      </c>
      <c r="P53" s="805" t="s">
        <v>44</v>
      </c>
      <c r="Q53" s="804" t="s">
        <v>44</v>
      </c>
      <c r="R53" s="803" t="s">
        <v>44</v>
      </c>
      <c r="S53" s="811">
        <v>1.7</v>
      </c>
      <c r="T53" s="809">
        <v>1.6</v>
      </c>
      <c r="U53" s="810">
        <v>1.8</v>
      </c>
      <c r="V53" s="808">
        <v>1.5</v>
      </c>
      <c r="W53" s="809">
        <v>1.3</v>
      </c>
      <c r="X53" s="808">
        <v>1.7</v>
      </c>
    </row>
    <row r="54" spans="1:24" ht="16.5" customHeight="1">
      <c r="A54" s="211"/>
      <c r="B54" s="802">
        <v>4.8</v>
      </c>
      <c r="C54" s="756" t="s">
        <v>688</v>
      </c>
      <c r="D54" s="805" t="s">
        <v>44</v>
      </c>
      <c r="E54" s="804" t="s">
        <v>44</v>
      </c>
      <c r="F54" s="803" t="s">
        <v>44</v>
      </c>
      <c r="G54" s="805" t="s">
        <v>44</v>
      </c>
      <c r="H54" s="804" t="s">
        <v>44</v>
      </c>
      <c r="I54" s="803" t="s">
        <v>44</v>
      </c>
      <c r="J54" s="805" t="s">
        <v>44</v>
      </c>
      <c r="K54" s="804" t="s">
        <v>44</v>
      </c>
      <c r="L54" s="804" t="s">
        <v>44</v>
      </c>
      <c r="M54" s="808">
        <v>16.5</v>
      </c>
      <c r="N54" s="809">
        <v>18.3</v>
      </c>
      <c r="O54" s="810">
        <v>14.6</v>
      </c>
      <c r="P54" s="805" t="s">
        <v>44</v>
      </c>
      <c r="Q54" s="804" t="s">
        <v>44</v>
      </c>
      <c r="R54" s="803" t="s">
        <v>44</v>
      </c>
      <c r="S54" s="811">
        <v>1.3</v>
      </c>
      <c r="T54" s="809">
        <v>1.1000000000000001</v>
      </c>
      <c r="U54" s="810">
        <v>1.5</v>
      </c>
      <c r="V54" s="808">
        <v>1</v>
      </c>
      <c r="W54" s="809">
        <v>0.9</v>
      </c>
      <c r="X54" s="808">
        <v>1.1000000000000001</v>
      </c>
    </row>
    <row r="55" spans="1:24" ht="16.5" customHeight="1">
      <c r="A55" s="211"/>
      <c r="B55" s="802">
        <v>3.1</v>
      </c>
      <c r="C55" s="756" t="s">
        <v>653</v>
      </c>
      <c r="D55" s="805" t="s">
        <v>44</v>
      </c>
      <c r="E55" s="804" t="s">
        <v>44</v>
      </c>
      <c r="F55" s="803" t="s">
        <v>44</v>
      </c>
      <c r="G55" s="805" t="s">
        <v>44</v>
      </c>
      <c r="H55" s="804" t="s">
        <v>44</v>
      </c>
      <c r="I55" s="803" t="s">
        <v>44</v>
      </c>
      <c r="J55" s="805" t="s">
        <v>44</v>
      </c>
      <c r="K55" s="804" t="s">
        <v>44</v>
      </c>
      <c r="L55" s="804" t="s">
        <v>44</v>
      </c>
      <c r="M55" s="808">
        <v>21.1</v>
      </c>
      <c r="N55" s="809">
        <v>21.3</v>
      </c>
      <c r="O55" s="810">
        <v>20.9</v>
      </c>
      <c r="P55" s="805" t="s">
        <v>44</v>
      </c>
      <c r="Q55" s="804" t="s">
        <v>44</v>
      </c>
      <c r="R55" s="803" t="s">
        <v>44</v>
      </c>
      <c r="S55" s="811">
        <v>1.2</v>
      </c>
      <c r="T55" s="809">
        <v>0.8</v>
      </c>
      <c r="U55" s="810">
        <v>1.6</v>
      </c>
      <c r="V55" s="808">
        <v>0.9</v>
      </c>
      <c r="W55" s="809">
        <v>0.5</v>
      </c>
      <c r="X55" s="808">
        <v>1.3</v>
      </c>
    </row>
    <row r="56" spans="1:24" ht="16.5" customHeight="1">
      <c r="A56" s="211"/>
      <c r="B56" s="802">
        <v>1.5</v>
      </c>
      <c r="C56" s="756" t="s">
        <v>636</v>
      </c>
      <c r="D56" s="805" t="s">
        <v>44</v>
      </c>
      <c r="E56" s="804" t="s">
        <v>44</v>
      </c>
      <c r="F56" s="803" t="s">
        <v>44</v>
      </c>
      <c r="G56" s="805" t="s">
        <v>44</v>
      </c>
      <c r="H56" s="804" t="s">
        <v>44</v>
      </c>
      <c r="I56" s="803" t="s">
        <v>44</v>
      </c>
      <c r="J56" s="805" t="s">
        <v>44</v>
      </c>
      <c r="K56" s="804" t="s">
        <v>44</v>
      </c>
      <c r="L56" s="804" t="s">
        <v>44</v>
      </c>
      <c r="M56" s="808">
        <v>17.3</v>
      </c>
      <c r="N56" s="809">
        <v>12.3</v>
      </c>
      <c r="O56" s="810">
        <v>22.9</v>
      </c>
      <c r="P56" s="805" t="s">
        <v>44</v>
      </c>
      <c r="Q56" s="804" t="s">
        <v>44</v>
      </c>
      <c r="R56" s="803" t="s">
        <v>44</v>
      </c>
      <c r="S56" s="811">
        <v>0.6</v>
      </c>
      <c r="T56" s="809">
        <v>0.4</v>
      </c>
      <c r="U56" s="810">
        <v>0.8</v>
      </c>
      <c r="V56" s="808">
        <v>0.5</v>
      </c>
      <c r="W56" s="809">
        <v>0.4</v>
      </c>
      <c r="X56" s="808">
        <v>0.7</v>
      </c>
    </row>
    <row r="57" spans="1:24" ht="16.5" customHeight="1">
      <c r="A57" s="211"/>
      <c r="B57" s="800">
        <v>0.4</v>
      </c>
      <c r="C57" s="763" t="s">
        <v>707</v>
      </c>
      <c r="D57" s="812" t="s">
        <v>44</v>
      </c>
      <c r="E57" s="813" t="s">
        <v>44</v>
      </c>
      <c r="F57" s="814" t="s">
        <v>44</v>
      </c>
      <c r="G57" s="812" t="s">
        <v>44</v>
      </c>
      <c r="H57" s="813" t="s">
        <v>44</v>
      </c>
      <c r="I57" s="814" t="s">
        <v>44</v>
      </c>
      <c r="J57" s="812" t="s">
        <v>44</v>
      </c>
      <c r="K57" s="813" t="s">
        <v>44</v>
      </c>
      <c r="L57" s="813" t="s">
        <v>44</v>
      </c>
      <c r="M57" s="815">
        <v>8.1</v>
      </c>
      <c r="N57" s="816">
        <v>4.0999999999999996</v>
      </c>
      <c r="O57" s="817">
        <v>12.6</v>
      </c>
      <c r="P57" s="812" t="s">
        <v>44</v>
      </c>
      <c r="Q57" s="813" t="s">
        <v>44</v>
      </c>
      <c r="R57" s="814" t="s">
        <v>44</v>
      </c>
      <c r="S57" s="818">
        <v>0.2</v>
      </c>
      <c r="T57" s="816">
        <v>0.1</v>
      </c>
      <c r="U57" s="817">
        <v>0.2</v>
      </c>
      <c r="V57" s="815">
        <v>0.1</v>
      </c>
      <c r="W57" s="816">
        <v>0.1</v>
      </c>
      <c r="X57" s="815">
        <v>0.1</v>
      </c>
    </row>
    <row r="58" spans="1:24" ht="16.5" customHeight="1">
      <c r="A58" s="211"/>
      <c r="B58" s="819">
        <v>0.1</v>
      </c>
      <c r="C58" s="763" t="s">
        <v>689</v>
      </c>
      <c r="D58" s="812" t="s">
        <v>44</v>
      </c>
      <c r="E58" s="813" t="s">
        <v>44</v>
      </c>
      <c r="F58" s="812" t="s">
        <v>44</v>
      </c>
      <c r="G58" s="812" t="s">
        <v>44</v>
      </c>
      <c r="H58" s="813" t="s">
        <v>44</v>
      </c>
      <c r="I58" s="812" t="s">
        <v>44</v>
      </c>
      <c r="J58" s="812" t="s">
        <v>44</v>
      </c>
      <c r="K58" s="813" t="s">
        <v>44</v>
      </c>
      <c r="L58" s="839" t="s">
        <v>44</v>
      </c>
      <c r="M58" s="815">
        <v>2.5</v>
      </c>
      <c r="N58" s="816">
        <v>0.8</v>
      </c>
      <c r="O58" s="816">
        <v>4.4000000000000004</v>
      </c>
      <c r="P58" s="812" t="s">
        <v>44</v>
      </c>
      <c r="Q58" s="813" t="s">
        <v>44</v>
      </c>
      <c r="R58" s="812" t="s">
        <v>44</v>
      </c>
      <c r="S58" s="818">
        <v>0</v>
      </c>
      <c r="T58" s="816">
        <v>0</v>
      </c>
      <c r="U58" s="816">
        <v>0</v>
      </c>
      <c r="V58" s="815">
        <v>0</v>
      </c>
      <c r="W58" s="816">
        <v>0</v>
      </c>
      <c r="X58" s="815">
        <v>0</v>
      </c>
    </row>
    <row r="59" spans="1:24" ht="16.5" customHeight="1">
      <c r="A59" s="211"/>
      <c r="B59" s="836" t="s">
        <v>364</v>
      </c>
      <c r="C59" s="779" t="s">
        <v>128</v>
      </c>
      <c r="D59" s="821" t="s">
        <v>44</v>
      </c>
      <c r="E59" s="820" t="s">
        <v>44</v>
      </c>
      <c r="F59" s="821" t="s">
        <v>44</v>
      </c>
      <c r="G59" s="822" t="s">
        <v>44</v>
      </c>
      <c r="H59" s="820" t="s">
        <v>44</v>
      </c>
      <c r="I59" s="821" t="s">
        <v>44</v>
      </c>
      <c r="J59" s="822" t="s">
        <v>44</v>
      </c>
      <c r="K59" s="820" t="s">
        <v>44</v>
      </c>
      <c r="L59" s="820" t="s">
        <v>44</v>
      </c>
      <c r="M59" s="821" t="s">
        <v>44</v>
      </c>
      <c r="N59" s="820" t="s">
        <v>44</v>
      </c>
      <c r="O59" s="823" t="s">
        <v>44</v>
      </c>
      <c r="P59" s="821" t="s">
        <v>44</v>
      </c>
      <c r="Q59" s="820" t="s">
        <v>44</v>
      </c>
      <c r="R59" s="821" t="s">
        <v>44</v>
      </c>
      <c r="S59" s="822" t="s">
        <v>44</v>
      </c>
      <c r="T59" s="820" t="s">
        <v>44</v>
      </c>
      <c r="U59" s="823" t="s">
        <v>44</v>
      </c>
      <c r="V59" s="821" t="s">
        <v>44</v>
      </c>
      <c r="W59" s="820" t="s">
        <v>44</v>
      </c>
      <c r="X59" s="822" t="s">
        <v>44</v>
      </c>
    </row>
    <row r="60" spans="1:24" ht="16.5" customHeight="1">
      <c r="A60" s="211"/>
      <c r="B60" s="802">
        <v>10.8</v>
      </c>
      <c r="C60" s="756" t="s">
        <v>497</v>
      </c>
      <c r="D60" s="805" t="s">
        <v>44</v>
      </c>
      <c r="E60" s="804" t="s">
        <v>44</v>
      </c>
      <c r="F60" s="803" t="s">
        <v>44</v>
      </c>
      <c r="G60" s="805" t="s">
        <v>44</v>
      </c>
      <c r="H60" s="804" t="s">
        <v>44</v>
      </c>
      <c r="I60" s="803" t="s">
        <v>44</v>
      </c>
      <c r="J60" s="811">
        <v>100</v>
      </c>
      <c r="K60" s="809">
        <v>100</v>
      </c>
      <c r="L60" s="809">
        <v>100</v>
      </c>
      <c r="M60" s="808">
        <v>0.1</v>
      </c>
      <c r="N60" s="809">
        <v>0.2</v>
      </c>
      <c r="O60" s="810">
        <v>0</v>
      </c>
      <c r="P60" s="805" t="s">
        <v>44</v>
      </c>
      <c r="Q60" s="804" t="s">
        <v>44</v>
      </c>
      <c r="R60" s="803" t="s">
        <v>44</v>
      </c>
      <c r="S60" s="811">
        <v>9.1999999999999993</v>
      </c>
      <c r="T60" s="809">
        <v>9.6</v>
      </c>
      <c r="U60" s="810">
        <v>8.8000000000000007</v>
      </c>
      <c r="V60" s="808">
        <v>8.1</v>
      </c>
      <c r="W60" s="809">
        <v>8.1</v>
      </c>
      <c r="X60" s="808">
        <v>8.1999999999999993</v>
      </c>
    </row>
    <row r="61" spans="1:24" ht="16.5" customHeight="1">
      <c r="A61" s="211"/>
      <c r="B61" s="802">
        <v>57.1</v>
      </c>
      <c r="C61" s="756" t="s">
        <v>708</v>
      </c>
      <c r="D61" s="805" t="s">
        <v>44</v>
      </c>
      <c r="E61" s="804" t="s">
        <v>44</v>
      </c>
      <c r="F61" s="803" t="s">
        <v>44</v>
      </c>
      <c r="G61" s="805" t="s">
        <v>44</v>
      </c>
      <c r="H61" s="804" t="s">
        <v>44</v>
      </c>
      <c r="I61" s="803" t="s">
        <v>44</v>
      </c>
      <c r="J61" s="805" t="s">
        <v>44</v>
      </c>
      <c r="K61" s="804" t="s">
        <v>44</v>
      </c>
      <c r="L61" s="804" t="s">
        <v>44</v>
      </c>
      <c r="M61" s="808">
        <v>7.6</v>
      </c>
      <c r="N61" s="809">
        <v>9.6</v>
      </c>
      <c r="O61" s="810">
        <v>5.3</v>
      </c>
      <c r="P61" s="805" t="s">
        <v>44</v>
      </c>
      <c r="Q61" s="804" t="s">
        <v>44</v>
      </c>
      <c r="R61" s="803" t="s">
        <v>44</v>
      </c>
      <c r="S61" s="811">
        <v>81.7</v>
      </c>
      <c r="T61" s="809">
        <v>81.900000000000006</v>
      </c>
      <c r="U61" s="810">
        <v>81.5</v>
      </c>
      <c r="V61" s="808">
        <v>84.2</v>
      </c>
      <c r="W61" s="809">
        <v>84.9</v>
      </c>
      <c r="X61" s="808">
        <v>83.6</v>
      </c>
    </row>
    <row r="62" spans="1:24" ht="16.5" customHeight="1" thickBot="1">
      <c r="A62" s="824"/>
      <c r="B62" s="825">
        <v>32.1</v>
      </c>
      <c r="C62" s="826" t="s">
        <v>656</v>
      </c>
      <c r="D62" s="812" t="s">
        <v>44</v>
      </c>
      <c r="E62" s="813" t="s">
        <v>44</v>
      </c>
      <c r="F62" s="814" t="s">
        <v>44</v>
      </c>
      <c r="G62" s="812" t="s">
        <v>44</v>
      </c>
      <c r="H62" s="813" t="s">
        <v>44</v>
      </c>
      <c r="I62" s="827" t="s">
        <v>44</v>
      </c>
      <c r="J62" s="828" t="s">
        <v>44</v>
      </c>
      <c r="K62" s="827" t="s">
        <v>44</v>
      </c>
      <c r="L62" s="827" t="s">
        <v>44</v>
      </c>
      <c r="M62" s="829">
        <v>92.4</v>
      </c>
      <c r="N62" s="830">
        <v>90.2</v>
      </c>
      <c r="O62" s="831">
        <v>94.7</v>
      </c>
      <c r="P62" s="828" t="s">
        <v>44</v>
      </c>
      <c r="Q62" s="827" t="s">
        <v>44</v>
      </c>
      <c r="R62" s="827" t="s">
        <v>44</v>
      </c>
      <c r="S62" s="832">
        <v>9.1999999999999993</v>
      </c>
      <c r="T62" s="830">
        <v>8.6</v>
      </c>
      <c r="U62" s="831">
        <v>9.6999999999999993</v>
      </c>
      <c r="V62" s="829">
        <v>7.7</v>
      </c>
      <c r="W62" s="830">
        <v>7.1</v>
      </c>
      <c r="X62" s="829">
        <v>8.1999999999999993</v>
      </c>
    </row>
    <row r="63" spans="1:24" ht="15" thickTop="1">
      <c r="A63" s="296" t="s">
        <v>627</v>
      </c>
      <c r="B63" s="1314" t="s">
        <v>537</v>
      </c>
      <c r="C63" s="1314"/>
      <c r="D63" s="1314"/>
      <c r="E63" s="1314"/>
      <c r="F63" s="1314"/>
      <c r="G63" s="1314"/>
      <c r="H63" s="1314"/>
      <c r="I63" s="296"/>
    </row>
    <row r="64" spans="1:24" ht="14.25">
      <c r="B64" s="296" t="s">
        <v>691</v>
      </c>
      <c r="C64" s="296"/>
      <c r="D64" s="296"/>
      <c r="E64" s="296"/>
      <c r="F64" s="296"/>
      <c r="G64" s="296"/>
      <c r="H64" s="296"/>
      <c r="I64" s="296"/>
    </row>
    <row r="65" spans="2:9" ht="14.25">
      <c r="B65" s="1328" t="s">
        <v>591</v>
      </c>
      <c r="C65" s="1328"/>
      <c r="D65" s="1328"/>
      <c r="E65" s="1328"/>
      <c r="F65" s="1328"/>
      <c r="G65" s="1328"/>
      <c r="H65" s="1315"/>
      <c r="I65" s="1315"/>
    </row>
  </sheetData>
  <mergeCells count="18">
    <mergeCell ref="S4:U4"/>
    <mergeCell ref="V4:X4"/>
    <mergeCell ref="D5:F5"/>
    <mergeCell ref="G5:I5"/>
    <mergeCell ref="J5:L5"/>
    <mergeCell ref="M5:O5"/>
    <mergeCell ref="P5:R5"/>
    <mergeCell ref="S5:U5"/>
    <mergeCell ref="V5:X5"/>
    <mergeCell ref="D4:F4"/>
    <mergeCell ref="G4:I4"/>
    <mergeCell ref="J4:L4"/>
    <mergeCell ref="M4:O4"/>
    <mergeCell ref="B63:H63"/>
    <mergeCell ref="B65:I65"/>
    <mergeCell ref="P4:R4"/>
    <mergeCell ref="A4:B4"/>
    <mergeCell ref="C4:C5"/>
  </mergeCells>
  <phoneticPr fontId="2"/>
  <printOptions gridLinesSet="0"/>
  <pageMargins left="0.59055118110236227" right="0.59055118110236227" top="0.98425196850393704" bottom="0.98425196850393704" header="0" footer="0"/>
  <pageSetup paperSize="9" scale="72" firstPageNumber="22" fitToWidth="2" orientation="portrait" blackAndWhite="1" r:id="rId1"/>
  <headerFooter differentOddEven="1" scaleWithDoc="0" alignWithMargins="0">
    <oddFooter>&amp;C&amp;"ＭＳ ゴシック,太字"&amp;10-36-</oddFooter>
    <evenFooter>&amp;C&amp;"ＭＳ ゴシック,太字"&amp;10-37-</even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625" style="165" customWidth="1"/>
    <col min="4" max="4" width="6.25" style="165" customWidth="1"/>
    <col min="5" max="12" width="9.75" style="165" customWidth="1"/>
    <col min="13" max="13" width="9.875" style="165" customWidth="1"/>
    <col min="14" max="14" width="9.625" style="165" customWidth="1"/>
    <col min="15" max="22" width="10.125" style="165" customWidth="1"/>
    <col min="23" max="23" width="10.25" style="165" customWidth="1"/>
    <col min="24" max="25" width="10.125" style="165" customWidth="1"/>
    <col min="26" max="16384" width="9" style="165"/>
  </cols>
  <sheetData>
    <row r="1" spans="1:25" ht="21" customHeight="1" thickBot="1">
      <c r="A1" s="840" t="s">
        <v>709</v>
      </c>
      <c r="C1" s="353"/>
      <c r="D1" s="353"/>
      <c r="E1" s="353"/>
      <c r="F1" s="353"/>
      <c r="G1" s="353"/>
      <c r="S1" s="353" t="s">
        <v>710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11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596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712</v>
      </c>
      <c r="L4" s="1321"/>
      <c r="M4" s="1322"/>
      <c r="N4" s="731"/>
      <c r="O4" s="729" t="s">
        <v>597</v>
      </c>
      <c r="P4" s="731"/>
      <c r="Q4" s="1316" t="s">
        <v>464</v>
      </c>
      <c r="R4" s="1317"/>
      <c r="S4" s="1318"/>
      <c r="T4" s="1320" t="s">
        <v>713</v>
      </c>
      <c r="U4" s="1321"/>
      <c r="V4" s="1322"/>
      <c r="W4" s="1320" t="s">
        <v>714</v>
      </c>
      <c r="X4" s="1321"/>
      <c r="Y4" s="1321"/>
    </row>
    <row r="5" spans="1:25" ht="21" customHeight="1">
      <c r="A5" s="731"/>
      <c r="B5" s="731"/>
      <c r="C5" s="1319"/>
      <c r="D5" s="1316" t="s">
        <v>715</v>
      </c>
      <c r="E5" s="1317"/>
      <c r="F5" s="1317"/>
      <c r="G5" s="1318"/>
      <c r="H5" s="1323" t="s">
        <v>716</v>
      </c>
      <c r="I5" s="1324"/>
      <c r="J5" s="1325"/>
      <c r="K5" s="1323" t="s">
        <v>717</v>
      </c>
      <c r="L5" s="1324"/>
      <c r="M5" s="1325"/>
      <c r="N5" s="846"/>
      <c r="O5" s="737" t="s">
        <v>718</v>
      </c>
      <c r="P5" s="846"/>
      <c r="Q5" s="1323" t="s">
        <v>719</v>
      </c>
      <c r="R5" s="1324"/>
      <c r="S5" s="1325"/>
      <c r="T5" s="1323" t="s">
        <v>720</v>
      </c>
      <c r="U5" s="1324"/>
      <c r="V5" s="1325"/>
      <c r="W5" s="1323" t="s">
        <v>721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849" t="s">
        <v>722</v>
      </c>
      <c r="N6" s="729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853" t="s">
        <v>212</v>
      </c>
      <c r="N7" s="191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s="503" customFormat="1" ht="21" customHeight="1">
      <c r="A8" s="854"/>
      <c r="B8" s="855">
        <v>9201825</v>
      </c>
      <c r="C8" s="746" t="s">
        <v>214</v>
      </c>
      <c r="D8" s="854"/>
      <c r="E8" s="745">
        <v>20200</v>
      </c>
      <c r="F8" s="748">
        <v>8288</v>
      </c>
      <c r="G8" s="747">
        <v>11912</v>
      </c>
      <c r="H8" s="745">
        <v>-19600</v>
      </c>
      <c r="I8" s="748">
        <v>-11739</v>
      </c>
      <c r="J8" s="749">
        <v>-7861</v>
      </c>
      <c r="K8" s="745">
        <v>64905</v>
      </c>
      <c r="L8" s="748">
        <v>33332</v>
      </c>
      <c r="M8" s="749">
        <v>31573</v>
      </c>
      <c r="N8" s="747">
        <v>84505</v>
      </c>
      <c r="O8" s="748">
        <v>45071</v>
      </c>
      <c r="P8" s="747">
        <v>39434</v>
      </c>
      <c r="Q8" s="745">
        <v>39800</v>
      </c>
      <c r="R8" s="748">
        <v>20027</v>
      </c>
      <c r="S8" s="749">
        <v>19773</v>
      </c>
      <c r="T8" s="747">
        <v>514781</v>
      </c>
      <c r="U8" s="748">
        <v>275610</v>
      </c>
      <c r="V8" s="747">
        <v>239171</v>
      </c>
      <c r="W8" s="745">
        <v>474981</v>
      </c>
      <c r="X8" s="748">
        <v>255583</v>
      </c>
      <c r="Y8" s="747">
        <v>219398</v>
      </c>
    </row>
    <row r="9" spans="1:25" ht="21" customHeight="1">
      <c r="A9" s="849" t="s">
        <v>724</v>
      </c>
      <c r="B9" s="750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4"/>
      <c r="N9" s="752"/>
      <c r="O9" s="753"/>
      <c r="P9" s="752"/>
      <c r="Q9" s="750"/>
      <c r="R9" s="753"/>
      <c r="S9" s="753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712810</v>
      </c>
      <c r="C10" s="746" t="s">
        <v>725</v>
      </c>
      <c r="D10" s="849"/>
      <c r="E10" s="755">
        <v>65378</v>
      </c>
      <c r="F10" s="755">
        <v>33602</v>
      </c>
      <c r="G10" s="755">
        <v>31776</v>
      </c>
      <c r="H10" s="755">
        <v>64718</v>
      </c>
      <c r="I10" s="755">
        <v>33240</v>
      </c>
      <c r="J10" s="755">
        <v>31478</v>
      </c>
      <c r="K10" s="755">
        <v>64905</v>
      </c>
      <c r="L10" s="758">
        <v>33332</v>
      </c>
      <c r="M10" s="759">
        <v>31573</v>
      </c>
      <c r="N10" s="769">
        <v>187</v>
      </c>
      <c r="O10" s="758">
        <v>92</v>
      </c>
      <c r="P10" s="755">
        <v>95</v>
      </c>
      <c r="Q10" s="755">
        <v>660</v>
      </c>
      <c r="R10" s="755">
        <v>362</v>
      </c>
      <c r="S10" s="755">
        <v>298</v>
      </c>
      <c r="T10" s="755">
        <v>40264</v>
      </c>
      <c r="U10" s="758">
        <v>20724</v>
      </c>
      <c r="V10" s="757">
        <v>19540</v>
      </c>
      <c r="W10" s="755">
        <v>39604</v>
      </c>
      <c r="X10" s="758">
        <v>20362</v>
      </c>
      <c r="Y10" s="757">
        <v>19242</v>
      </c>
    </row>
    <row r="11" spans="1:25" ht="21" customHeight="1">
      <c r="A11" s="849" t="s">
        <v>219</v>
      </c>
      <c r="B11" s="757">
        <v>795897</v>
      </c>
      <c r="C11" s="756" t="s">
        <v>290</v>
      </c>
      <c r="D11" s="849" t="s">
        <v>518</v>
      </c>
      <c r="E11" s="755">
        <v>7934</v>
      </c>
      <c r="F11" s="755">
        <v>4460</v>
      </c>
      <c r="G11" s="755">
        <v>3474</v>
      </c>
      <c r="H11" s="755">
        <v>-121</v>
      </c>
      <c r="I11" s="755">
        <v>-71</v>
      </c>
      <c r="J11" s="755">
        <v>-50</v>
      </c>
      <c r="K11" s="761" t="s">
        <v>44</v>
      </c>
      <c r="L11" s="762" t="s">
        <v>44</v>
      </c>
      <c r="M11" s="762" t="s">
        <v>44</v>
      </c>
      <c r="N11" s="770">
        <v>121</v>
      </c>
      <c r="O11" s="758">
        <v>71</v>
      </c>
      <c r="P11" s="755">
        <v>50</v>
      </c>
      <c r="Q11" s="755">
        <v>8055</v>
      </c>
      <c r="R11" s="755">
        <v>4531</v>
      </c>
      <c r="S11" s="755">
        <v>3524</v>
      </c>
      <c r="T11" s="755">
        <v>29015</v>
      </c>
      <c r="U11" s="758">
        <v>15860</v>
      </c>
      <c r="V11" s="757">
        <v>13155</v>
      </c>
      <c r="W11" s="755">
        <v>20960</v>
      </c>
      <c r="X11" s="758">
        <v>11329</v>
      </c>
      <c r="Y11" s="757">
        <v>9631</v>
      </c>
    </row>
    <row r="12" spans="1:25" ht="21" customHeight="1">
      <c r="A12" s="849" t="s">
        <v>726</v>
      </c>
      <c r="B12" s="757">
        <v>1012286</v>
      </c>
      <c r="C12" s="756" t="s">
        <v>291</v>
      </c>
      <c r="D12" s="849" t="s">
        <v>520</v>
      </c>
      <c r="E12" s="755">
        <v>23110</v>
      </c>
      <c r="F12" s="755">
        <v>12430</v>
      </c>
      <c r="G12" s="755">
        <v>10680</v>
      </c>
      <c r="H12" s="755">
        <v>-299</v>
      </c>
      <c r="I12" s="755">
        <v>-211</v>
      </c>
      <c r="J12" s="755">
        <v>-88</v>
      </c>
      <c r="K12" s="761" t="s">
        <v>44</v>
      </c>
      <c r="L12" s="762" t="s">
        <v>44</v>
      </c>
      <c r="M12" s="762" t="s">
        <v>44</v>
      </c>
      <c r="N12" s="770">
        <v>299</v>
      </c>
      <c r="O12" s="758">
        <v>211</v>
      </c>
      <c r="P12" s="755">
        <v>88</v>
      </c>
      <c r="Q12" s="755">
        <v>23409</v>
      </c>
      <c r="R12" s="755">
        <v>12641</v>
      </c>
      <c r="S12" s="755">
        <v>10768</v>
      </c>
      <c r="T12" s="755">
        <v>193134</v>
      </c>
      <c r="U12" s="758">
        <v>102367</v>
      </c>
      <c r="V12" s="757">
        <v>90767</v>
      </c>
      <c r="W12" s="755">
        <v>169725</v>
      </c>
      <c r="X12" s="758">
        <v>89726</v>
      </c>
      <c r="Y12" s="757">
        <v>79999</v>
      </c>
    </row>
    <row r="13" spans="1:25" ht="21" customHeight="1">
      <c r="A13" s="856">
        <v>2</v>
      </c>
      <c r="B13" s="757">
        <v>1076714</v>
      </c>
      <c r="C13" s="756" t="s">
        <v>292</v>
      </c>
      <c r="D13" s="856">
        <v>31</v>
      </c>
      <c r="E13" s="755">
        <v>3244</v>
      </c>
      <c r="F13" s="755">
        <v>1496</v>
      </c>
      <c r="G13" s="755">
        <v>1748</v>
      </c>
      <c r="H13" s="755">
        <v>-522</v>
      </c>
      <c r="I13" s="755">
        <v>-342</v>
      </c>
      <c r="J13" s="755">
        <v>-180</v>
      </c>
      <c r="K13" s="761" t="s">
        <v>44</v>
      </c>
      <c r="L13" s="762" t="s">
        <v>44</v>
      </c>
      <c r="M13" s="762" t="s">
        <v>44</v>
      </c>
      <c r="N13" s="770">
        <v>522</v>
      </c>
      <c r="O13" s="758">
        <v>342</v>
      </c>
      <c r="P13" s="755">
        <v>180</v>
      </c>
      <c r="Q13" s="755">
        <v>3766</v>
      </c>
      <c r="R13" s="755">
        <v>1838</v>
      </c>
      <c r="S13" s="755">
        <v>1928</v>
      </c>
      <c r="T13" s="755">
        <v>121154</v>
      </c>
      <c r="U13" s="758">
        <v>66139</v>
      </c>
      <c r="V13" s="757">
        <v>55015</v>
      </c>
      <c r="W13" s="755">
        <v>117388</v>
      </c>
      <c r="X13" s="758">
        <v>64301</v>
      </c>
      <c r="Y13" s="757">
        <v>53087</v>
      </c>
    </row>
    <row r="14" spans="1:25" ht="21" customHeight="1">
      <c r="A14" s="849" t="s">
        <v>148</v>
      </c>
      <c r="B14" s="766">
        <v>1446403</v>
      </c>
      <c r="C14" s="763" t="s">
        <v>293</v>
      </c>
      <c r="D14" s="849" t="s">
        <v>727</v>
      </c>
      <c r="E14" s="766">
        <v>282</v>
      </c>
      <c r="F14" s="766">
        <v>-337</v>
      </c>
      <c r="G14" s="765">
        <v>619</v>
      </c>
      <c r="H14" s="766">
        <v>-1531</v>
      </c>
      <c r="I14" s="766">
        <v>-940</v>
      </c>
      <c r="J14" s="765">
        <v>-591</v>
      </c>
      <c r="K14" s="767" t="s">
        <v>44</v>
      </c>
      <c r="L14" s="768" t="s">
        <v>44</v>
      </c>
      <c r="M14" s="768" t="s">
        <v>44</v>
      </c>
      <c r="N14" s="770">
        <v>1531</v>
      </c>
      <c r="O14" s="765">
        <v>940</v>
      </c>
      <c r="P14" s="766">
        <v>591</v>
      </c>
      <c r="Q14" s="766">
        <v>1813</v>
      </c>
      <c r="R14" s="766">
        <v>603</v>
      </c>
      <c r="S14" s="765">
        <v>1210</v>
      </c>
      <c r="T14" s="755">
        <v>57389</v>
      </c>
      <c r="U14" s="765">
        <v>32823</v>
      </c>
      <c r="V14" s="764">
        <v>24566</v>
      </c>
      <c r="W14" s="755">
        <v>55576</v>
      </c>
      <c r="X14" s="765">
        <v>32220</v>
      </c>
      <c r="Y14" s="764">
        <v>23356</v>
      </c>
    </row>
    <row r="15" spans="1:25" ht="21" customHeight="1">
      <c r="A15" s="856" t="s">
        <v>728</v>
      </c>
      <c r="B15" s="757">
        <v>1277590</v>
      </c>
      <c r="C15" s="756" t="s">
        <v>294</v>
      </c>
      <c r="D15" s="849" t="s">
        <v>219</v>
      </c>
      <c r="E15" s="755">
        <v>-3001</v>
      </c>
      <c r="F15" s="755">
        <v>-2175</v>
      </c>
      <c r="G15" s="755">
        <v>-826</v>
      </c>
      <c r="H15" s="755">
        <v>-3409</v>
      </c>
      <c r="I15" s="755">
        <v>-2301</v>
      </c>
      <c r="J15" s="755">
        <v>-1108</v>
      </c>
      <c r="K15" s="761" t="s">
        <v>44</v>
      </c>
      <c r="L15" s="762" t="s">
        <v>44</v>
      </c>
      <c r="M15" s="762" t="s">
        <v>44</v>
      </c>
      <c r="N15" s="769">
        <v>3409</v>
      </c>
      <c r="O15" s="758">
        <v>2301</v>
      </c>
      <c r="P15" s="755">
        <v>1108</v>
      </c>
      <c r="Q15" s="755">
        <v>408</v>
      </c>
      <c r="R15" s="755">
        <v>126</v>
      </c>
      <c r="S15" s="755">
        <v>282</v>
      </c>
      <c r="T15" s="759">
        <v>32486</v>
      </c>
      <c r="U15" s="758">
        <v>18621</v>
      </c>
      <c r="V15" s="757">
        <v>13865</v>
      </c>
      <c r="W15" s="759">
        <v>32078</v>
      </c>
      <c r="X15" s="758">
        <v>18495</v>
      </c>
      <c r="Y15" s="757">
        <v>13583</v>
      </c>
    </row>
    <row r="16" spans="1:25" ht="21" customHeight="1">
      <c r="A16" s="849" t="s">
        <v>523</v>
      </c>
      <c r="B16" s="757">
        <v>1022297</v>
      </c>
      <c r="C16" s="756" t="s">
        <v>295</v>
      </c>
      <c r="D16" s="849" t="s">
        <v>221</v>
      </c>
      <c r="E16" s="755">
        <v>-7986</v>
      </c>
      <c r="F16" s="755">
        <v>-5525</v>
      </c>
      <c r="G16" s="755">
        <v>-2461</v>
      </c>
      <c r="H16" s="755">
        <v>-7227</v>
      </c>
      <c r="I16" s="755">
        <v>-4976</v>
      </c>
      <c r="J16" s="755">
        <v>-2251</v>
      </c>
      <c r="K16" s="761" t="s">
        <v>44</v>
      </c>
      <c r="L16" s="762" t="s">
        <v>44</v>
      </c>
      <c r="M16" s="762" t="s">
        <v>44</v>
      </c>
      <c r="N16" s="770">
        <v>7227</v>
      </c>
      <c r="O16" s="758">
        <v>4976</v>
      </c>
      <c r="P16" s="755">
        <v>2251</v>
      </c>
      <c r="Q16" s="755">
        <v>-759</v>
      </c>
      <c r="R16" s="755">
        <v>-549</v>
      </c>
      <c r="S16" s="755">
        <v>-210</v>
      </c>
      <c r="T16" s="755">
        <v>17070</v>
      </c>
      <c r="U16" s="758">
        <v>9692</v>
      </c>
      <c r="V16" s="757">
        <v>7378</v>
      </c>
      <c r="W16" s="755">
        <v>17829</v>
      </c>
      <c r="X16" s="758">
        <v>10241</v>
      </c>
      <c r="Y16" s="757">
        <v>7588</v>
      </c>
    </row>
    <row r="17" spans="1:25" ht="21" customHeight="1">
      <c r="A17" s="856" t="s">
        <v>533</v>
      </c>
      <c r="B17" s="757">
        <v>1082155</v>
      </c>
      <c r="C17" s="756" t="s">
        <v>296</v>
      </c>
      <c r="D17" s="849" t="s">
        <v>729</v>
      </c>
      <c r="E17" s="755">
        <v>-17928</v>
      </c>
      <c r="F17" s="755">
        <v>-12156</v>
      </c>
      <c r="G17" s="755">
        <v>-5772</v>
      </c>
      <c r="H17" s="755">
        <v>-18524</v>
      </c>
      <c r="I17" s="755">
        <v>-12277</v>
      </c>
      <c r="J17" s="755">
        <v>-6247</v>
      </c>
      <c r="K17" s="761" t="s">
        <v>44</v>
      </c>
      <c r="L17" s="762" t="s">
        <v>44</v>
      </c>
      <c r="M17" s="762" t="s">
        <v>44</v>
      </c>
      <c r="N17" s="770">
        <v>18524</v>
      </c>
      <c r="O17" s="758">
        <v>12277</v>
      </c>
      <c r="P17" s="755">
        <v>6247</v>
      </c>
      <c r="Q17" s="755">
        <v>596</v>
      </c>
      <c r="R17" s="755">
        <v>121</v>
      </c>
      <c r="S17" s="755">
        <v>475</v>
      </c>
      <c r="T17" s="755">
        <v>12266</v>
      </c>
      <c r="U17" s="758">
        <v>5708</v>
      </c>
      <c r="V17" s="757">
        <v>6558</v>
      </c>
      <c r="W17" s="755">
        <v>11670</v>
      </c>
      <c r="X17" s="758">
        <v>5587</v>
      </c>
      <c r="Y17" s="757">
        <v>6083</v>
      </c>
    </row>
    <row r="18" spans="1:25" ht="21" customHeight="1">
      <c r="A18" s="849" t="s">
        <v>526</v>
      </c>
      <c r="B18" s="757">
        <v>562796</v>
      </c>
      <c r="C18" s="756" t="s">
        <v>297</v>
      </c>
      <c r="D18" s="849" t="s">
        <v>730</v>
      </c>
      <c r="E18" s="755">
        <v>-29000</v>
      </c>
      <c r="F18" s="755">
        <v>-16249</v>
      </c>
      <c r="G18" s="755">
        <v>-12751</v>
      </c>
      <c r="H18" s="755">
        <v>-30323</v>
      </c>
      <c r="I18" s="755">
        <v>-16523</v>
      </c>
      <c r="J18" s="755">
        <v>-13800</v>
      </c>
      <c r="K18" s="761" t="s">
        <v>44</v>
      </c>
      <c r="L18" s="762" t="s">
        <v>44</v>
      </c>
      <c r="M18" s="762" t="s">
        <v>44</v>
      </c>
      <c r="N18" s="770">
        <v>30323</v>
      </c>
      <c r="O18" s="758">
        <v>16523</v>
      </c>
      <c r="P18" s="755">
        <v>13800</v>
      </c>
      <c r="Q18" s="755">
        <v>1323</v>
      </c>
      <c r="R18" s="755">
        <v>274</v>
      </c>
      <c r="S18" s="755">
        <v>1049</v>
      </c>
      <c r="T18" s="755">
        <v>8993</v>
      </c>
      <c r="U18" s="758">
        <v>2932</v>
      </c>
      <c r="V18" s="757">
        <v>6061</v>
      </c>
      <c r="W18" s="755">
        <v>7670</v>
      </c>
      <c r="X18" s="758">
        <v>2658</v>
      </c>
      <c r="Y18" s="757">
        <v>5012</v>
      </c>
    </row>
    <row r="19" spans="1:25" ht="21" customHeight="1">
      <c r="A19" s="849" t="s">
        <v>528</v>
      </c>
      <c r="B19" s="766">
        <v>125174</v>
      </c>
      <c r="C19" s="763" t="s">
        <v>298</v>
      </c>
      <c r="D19" s="849" t="s">
        <v>731</v>
      </c>
      <c r="E19" s="766">
        <v>-20008</v>
      </c>
      <c r="F19" s="766">
        <v>-6958</v>
      </c>
      <c r="G19" s="765">
        <v>-13050</v>
      </c>
      <c r="H19" s="755">
        <v>-20520</v>
      </c>
      <c r="I19" s="755">
        <v>-7035</v>
      </c>
      <c r="J19" s="755">
        <v>-13485</v>
      </c>
      <c r="K19" s="767" t="s">
        <v>44</v>
      </c>
      <c r="L19" s="768" t="s">
        <v>44</v>
      </c>
      <c r="M19" s="768" t="s">
        <v>44</v>
      </c>
      <c r="N19" s="770">
        <v>20520</v>
      </c>
      <c r="O19" s="765">
        <v>7035</v>
      </c>
      <c r="P19" s="766">
        <v>13485</v>
      </c>
      <c r="Q19" s="766">
        <v>512</v>
      </c>
      <c r="R19" s="766">
        <v>77</v>
      </c>
      <c r="S19" s="765">
        <v>435</v>
      </c>
      <c r="T19" s="755">
        <v>2939</v>
      </c>
      <c r="U19" s="765">
        <v>735</v>
      </c>
      <c r="V19" s="764">
        <v>2204</v>
      </c>
      <c r="W19" s="755">
        <v>2427</v>
      </c>
      <c r="X19" s="765">
        <v>658</v>
      </c>
      <c r="Y19" s="764">
        <v>1769</v>
      </c>
    </row>
    <row r="20" spans="1:25" ht="21" customHeight="1">
      <c r="A20" s="849" t="s">
        <v>530</v>
      </c>
      <c r="B20" s="766">
        <v>4777</v>
      </c>
      <c r="C20" s="763" t="s">
        <v>535</v>
      </c>
      <c r="D20" s="857"/>
      <c r="E20" s="778">
        <v>-1825</v>
      </c>
      <c r="F20" s="778">
        <v>-300</v>
      </c>
      <c r="G20" s="778">
        <v>-1525</v>
      </c>
      <c r="H20" s="773">
        <v>-1842</v>
      </c>
      <c r="I20" s="778">
        <v>-303</v>
      </c>
      <c r="J20" s="778">
        <v>-1539</v>
      </c>
      <c r="K20" s="776" t="s">
        <v>44</v>
      </c>
      <c r="L20" s="768" t="s">
        <v>44</v>
      </c>
      <c r="M20" s="768" t="s">
        <v>44</v>
      </c>
      <c r="N20" s="777">
        <v>1842</v>
      </c>
      <c r="O20" s="765">
        <v>303</v>
      </c>
      <c r="P20" s="766">
        <v>1539</v>
      </c>
      <c r="Q20" s="778">
        <v>17</v>
      </c>
      <c r="R20" s="778">
        <v>3</v>
      </c>
      <c r="S20" s="778">
        <v>14</v>
      </c>
      <c r="T20" s="773">
        <v>71</v>
      </c>
      <c r="U20" s="765">
        <v>9</v>
      </c>
      <c r="V20" s="764">
        <v>62</v>
      </c>
      <c r="W20" s="759">
        <v>54</v>
      </c>
      <c r="X20" s="765">
        <v>6</v>
      </c>
      <c r="Y20" s="764">
        <v>48</v>
      </c>
    </row>
    <row r="21" spans="1:25" ht="21" customHeight="1" thickBot="1">
      <c r="A21" s="858"/>
      <c r="B21" s="859">
        <v>82926</v>
      </c>
      <c r="C21" s="860" t="s">
        <v>128</v>
      </c>
      <c r="D21" s="858"/>
      <c r="E21" s="861" t="s">
        <v>44</v>
      </c>
      <c r="F21" s="838" t="s">
        <v>44</v>
      </c>
      <c r="G21" s="862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/>
      <c r="N21" s="863" t="s">
        <v>44</v>
      </c>
      <c r="O21" s="838" t="s">
        <v>44</v>
      </c>
      <c r="P21" s="864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4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9181625</v>
      </c>
      <c r="C22" s="746" t="s">
        <v>214</v>
      </c>
      <c r="D22" s="849"/>
      <c r="E22" s="865">
        <v>18346</v>
      </c>
      <c r="F22" s="897">
        <v>6849</v>
      </c>
      <c r="G22" s="897">
        <v>11497</v>
      </c>
      <c r="H22" s="865">
        <v>-14771</v>
      </c>
      <c r="I22" s="897">
        <v>-9090</v>
      </c>
      <c r="J22" s="897">
        <v>-5681</v>
      </c>
      <c r="K22" s="865">
        <v>68228</v>
      </c>
      <c r="L22" s="897">
        <v>35155</v>
      </c>
      <c r="M22" s="897">
        <v>33073</v>
      </c>
      <c r="N22" s="899">
        <v>82999</v>
      </c>
      <c r="O22" s="865">
        <v>44245</v>
      </c>
      <c r="P22" s="897">
        <v>38754</v>
      </c>
      <c r="Q22" s="897">
        <v>33117</v>
      </c>
      <c r="R22" s="865">
        <v>15939</v>
      </c>
      <c r="S22" s="897">
        <v>17178</v>
      </c>
      <c r="T22" s="897">
        <v>507579</v>
      </c>
      <c r="U22" s="865">
        <v>271356</v>
      </c>
      <c r="V22" s="897">
        <v>236223</v>
      </c>
      <c r="W22" s="897">
        <v>474462</v>
      </c>
      <c r="X22" s="897">
        <v>255417</v>
      </c>
      <c r="Y22" s="874">
        <v>219045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8"/>
      <c r="G23" s="866"/>
      <c r="H23" s="767"/>
      <c r="I23" s="768"/>
      <c r="J23" s="867"/>
      <c r="K23" s="767"/>
      <c r="L23" s="768"/>
      <c r="M23" s="768"/>
      <c r="N23" s="867"/>
      <c r="O23" s="768"/>
      <c r="P23" s="866"/>
      <c r="Q23" s="767"/>
      <c r="R23" s="768"/>
      <c r="S23" s="768"/>
      <c r="T23" s="866"/>
      <c r="U23" s="768"/>
      <c r="V23" s="866"/>
      <c r="W23" s="767"/>
      <c r="X23" s="768"/>
      <c r="Y23" s="866"/>
    </row>
    <row r="24" spans="1:25" ht="21" customHeight="1">
      <c r="A24" s="849"/>
      <c r="B24" s="878">
        <v>722972</v>
      </c>
      <c r="C24" s="746" t="s">
        <v>725</v>
      </c>
      <c r="D24" s="849"/>
      <c r="E24" s="879">
        <v>67958</v>
      </c>
      <c r="F24" s="880">
        <v>34936</v>
      </c>
      <c r="G24" s="880">
        <v>33022</v>
      </c>
      <c r="H24" s="879">
        <v>68022</v>
      </c>
      <c r="I24" s="880">
        <v>35050</v>
      </c>
      <c r="J24" s="880">
        <v>32972</v>
      </c>
      <c r="K24" s="879">
        <v>68228</v>
      </c>
      <c r="L24" s="880">
        <v>35155</v>
      </c>
      <c r="M24" s="880">
        <v>33073</v>
      </c>
      <c r="N24" s="1136">
        <v>206</v>
      </c>
      <c r="O24" s="879">
        <v>105</v>
      </c>
      <c r="P24" s="880">
        <v>101</v>
      </c>
      <c r="Q24" s="880">
        <v>-64</v>
      </c>
      <c r="R24" s="879">
        <v>-114</v>
      </c>
      <c r="S24" s="880">
        <v>50</v>
      </c>
      <c r="T24" s="880">
        <v>40954</v>
      </c>
      <c r="U24" s="879">
        <v>20938</v>
      </c>
      <c r="V24" s="880">
        <v>20016</v>
      </c>
      <c r="W24" s="880">
        <v>41018</v>
      </c>
      <c r="X24" s="880">
        <v>21052</v>
      </c>
      <c r="Y24" s="879">
        <v>19966</v>
      </c>
    </row>
    <row r="25" spans="1:25" ht="21" customHeight="1">
      <c r="A25" s="849" t="s">
        <v>518</v>
      </c>
      <c r="B25" s="878">
        <v>801435</v>
      </c>
      <c r="C25" s="756" t="s">
        <v>290</v>
      </c>
      <c r="D25" s="849" t="s">
        <v>518</v>
      </c>
      <c r="E25" s="879">
        <v>7944</v>
      </c>
      <c r="F25" s="880">
        <v>4551</v>
      </c>
      <c r="G25" s="880">
        <v>3393</v>
      </c>
      <c r="H25" s="879">
        <v>-115</v>
      </c>
      <c r="I25" s="880">
        <v>-67</v>
      </c>
      <c r="J25" s="880">
        <v>-48</v>
      </c>
      <c r="K25" s="879" t="s">
        <v>44</v>
      </c>
      <c r="L25" s="880" t="s">
        <v>44</v>
      </c>
      <c r="M25" s="880" t="s">
        <v>44</v>
      </c>
      <c r="N25" s="1136">
        <v>115</v>
      </c>
      <c r="O25" s="879">
        <v>67</v>
      </c>
      <c r="P25" s="880">
        <v>48</v>
      </c>
      <c r="Q25" s="880">
        <v>8059</v>
      </c>
      <c r="R25" s="879">
        <v>4618</v>
      </c>
      <c r="S25" s="880">
        <v>3441</v>
      </c>
      <c r="T25" s="880">
        <v>28777</v>
      </c>
      <c r="U25" s="879">
        <v>15767</v>
      </c>
      <c r="V25" s="880">
        <v>13010</v>
      </c>
      <c r="W25" s="880">
        <v>20718</v>
      </c>
      <c r="X25" s="880">
        <v>11149</v>
      </c>
      <c r="Y25" s="879">
        <v>9569</v>
      </c>
    </row>
    <row r="26" spans="1:25" ht="21" customHeight="1">
      <c r="A26" s="849" t="s">
        <v>520</v>
      </c>
      <c r="B26" s="878">
        <v>995329</v>
      </c>
      <c r="C26" s="756" t="s">
        <v>291</v>
      </c>
      <c r="D26" s="849" t="s">
        <v>520</v>
      </c>
      <c r="E26" s="879">
        <v>20219</v>
      </c>
      <c r="F26" s="880">
        <v>10938</v>
      </c>
      <c r="G26" s="880">
        <v>9281</v>
      </c>
      <c r="H26" s="879">
        <v>-287</v>
      </c>
      <c r="I26" s="880">
        <v>-197</v>
      </c>
      <c r="J26" s="880">
        <v>-90</v>
      </c>
      <c r="K26" s="879" t="s">
        <v>44</v>
      </c>
      <c r="L26" s="880" t="s">
        <v>44</v>
      </c>
      <c r="M26" s="880" t="s">
        <v>44</v>
      </c>
      <c r="N26" s="1136">
        <v>287</v>
      </c>
      <c r="O26" s="879">
        <v>197</v>
      </c>
      <c r="P26" s="880">
        <v>90</v>
      </c>
      <c r="Q26" s="880">
        <v>20506</v>
      </c>
      <c r="R26" s="879">
        <v>11135</v>
      </c>
      <c r="S26" s="880">
        <v>9371</v>
      </c>
      <c r="T26" s="880">
        <v>184665</v>
      </c>
      <c r="U26" s="879">
        <v>97909</v>
      </c>
      <c r="V26" s="880">
        <v>86756</v>
      </c>
      <c r="W26" s="880">
        <v>164159</v>
      </c>
      <c r="X26" s="880">
        <v>86774</v>
      </c>
      <c r="Y26" s="879">
        <v>77385</v>
      </c>
    </row>
    <row r="27" spans="1:25" ht="21" customHeight="1">
      <c r="A27" s="856">
        <v>31</v>
      </c>
      <c r="B27" s="878">
        <v>1102019</v>
      </c>
      <c r="C27" s="756" t="s">
        <v>292</v>
      </c>
      <c r="D27" s="856">
        <v>30</v>
      </c>
      <c r="E27" s="879">
        <v>1684</v>
      </c>
      <c r="F27" s="880">
        <v>245</v>
      </c>
      <c r="G27" s="880">
        <v>1439</v>
      </c>
      <c r="H27" s="879">
        <v>-516</v>
      </c>
      <c r="I27" s="880">
        <v>-336</v>
      </c>
      <c r="J27" s="880">
        <v>-180</v>
      </c>
      <c r="K27" s="879" t="s">
        <v>44</v>
      </c>
      <c r="L27" s="880" t="s">
        <v>44</v>
      </c>
      <c r="M27" s="880" t="s">
        <v>44</v>
      </c>
      <c r="N27" s="1136">
        <v>516</v>
      </c>
      <c r="O27" s="879">
        <v>336</v>
      </c>
      <c r="P27" s="880">
        <v>180</v>
      </c>
      <c r="Q27" s="880">
        <v>2200</v>
      </c>
      <c r="R27" s="879">
        <v>581</v>
      </c>
      <c r="S27" s="880">
        <v>1619</v>
      </c>
      <c r="T27" s="880">
        <v>122265</v>
      </c>
      <c r="U27" s="879">
        <v>66256</v>
      </c>
      <c r="V27" s="880">
        <v>56009</v>
      </c>
      <c r="W27" s="880">
        <v>120065</v>
      </c>
      <c r="X27" s="880">
        <v>65675</v>
      </c>
      <c r="Y27" s="879">
        <v>54390</v>
      </c>
    </row>
    <row r="28" spans="1:25" ht="21" customHeight="1">
      <c r="A28" s="849" t="s">
        <v>148</v>
      </c>
      <c r="B28" s="883">
        <v>1473665</v>
      </c>
      <c r="C28" s="763" t="s">
        <v>293</v>
      </c>
      <c r="D28" s="849" t="s">
        <v>148</v>
      </c>
      <c r="E28" s="883">
        <v>-448</v>
      </c>
      <c r="F28" s="885">
        <v>-989</v>
      </c>
      <c r="G28" s="885">
        <v>541</v>
      </c>
      <c r="H28" s="883">
        <v>-1633</v>
      </c>
      <c r="I28" s="885">
        <v>-1020</v>
      </c>
      <c r="J28" s="885">
        <v>-613</v>
      </c>
      <c r="K28" s="883" t="s">
        <v>44</v>
      </c>
      <c r="L28" s="885" t="s">
        <v>44</v>
      </c>
      <c r="M28" s="885" t="s">
        <v>44</v>
      </c>
      <c r="N28" s="1137">
        <v>1633</v>
      </c>
      <c r="O28" s="883">
        <v>1020</v>
      </c>
      <c r="P28" s="885">
        <v>613</v>
      </c>
      <c r="Q28" s="885">
        <v>1185</v>
      </c>
      <c r="R28" s="883">
        <v>31</v>
      </c>
      <c r="S28" s="885">
        <v>1154</v>
      </c>
      <c r="T28" s="885">
        <v>58696</v>
      </c>
      <c r="U28" s="883">
        <v>33361</v>
      </c>
      <c r="V28" s="885">
        <v>25335</v>
      </c>
      <c r="W28" s="885">
        <v>57511</v>
      </c>
      <c r="X28" s="885">
        <v>33330</v>
      </c>
      <c r="Y28" s="883">
        <v>24181</v>
      </c>
    </row>
    <row r="29" spans="1:25" ht="21" customHeight="1">
      <c r="A29" s="856" t="s">
        <v>533</v>
      </c>
      <c r="B29" s="878">
        <v>1231135</v>
      </c>
      <c r="C29" s="756" t="s">
        <v>294</v>
      </c>
      <c r="D29" s="849" t="s">
        <v>534</v>
      </c>
      <c r="E29" s="879">
        <v>-3126</v>
      </c>
      <c r="F29" s="880">
        <v>-2081</v>
      </c>
      <c r="G29" s="880">
        <v>-1045</v>
      </c>
      <c r="H29" s="879">
        <v>-3320</v>
      </c>
      <c r="I29" s="880">
        <v>-2143</v>
      </c>
      <c r="J29" s="880">
        <v>-1177</v>
      </c>
      <c r="K29" s="879" t="s">
        <v>44</v>
      </c>
      <c r="L29" s="880" t="s">
        <v>44</v>
      </c>
      <c r="M29" s="880" t="s">
        <v>44</v>
      </c>
      <c r="N29" s="1136">
        <v>3320</v>
      </c>
      <c r="O29" s="879">
        <v>2143</v>
      </c>
      <c r="P29" s="880">
        <v>1177</v>
      </c>
      <c r="Q29" s="880">
        <v>194</v>
      </c>
      <c r="R29" s="879">
        <v>62</v>
      </c>
      <c r="S29" s="880">
        <v>132</v>
      </c>
      <c r="T29" s="880">
        <v>31422</v>
      </c>
      <c r="U29" s="879">
        <v>18154</v>
      </c>
      <c r="V29" s="880">
        <v>13268</v>
      </c>
      <c r="W29" s="880">
        <v>31228</v>
      </c>
      <c r="X29" s="880">
        <v>18092</v>
      </c>
      <c r="Y29" s="879">
        <v>13136</v>
      </c>
    </row>
    <row r="30" spans="1:25" ht="21" customHeight="1">
      <c r="A30" s="849" t="s">
        <v>523</v>
      </c>
      <c r="B30" s="878">
        <v>1068250</v>
      </c>
      <c r="C30" s="756" t="s">
        <v>295</v>
      </c>
      <c r="D30" s="849"/>
      <c r="E30" s="879">
        <v>-8576</v>
      </c>
      <c r="F30" s="880">
        <v>-6085</v>
      </c>
      <c r="G30" s="880">
        <v>-2491</v>
      </c>
      <c r="H30" s="879">
        <v>-7778</v>
      </c>
      <c r="I30" s="880">
        <v>-5375</v>
      </c>
      <c r="J30" s="880">
        <v>-2403</v>
      </c>
      <c r="K30" s="879" t="s">
        <v>44</v>
      </c>
      <c r="L30" s="880" t="s">
        <v>44</v>
      </c>
      <c r="M30" s="880" t="s">
        <v>44</v>
      </c>
      <c r="N30" s="1136">
        <v>7778</v>
      </c>
      <c r="O30" s="879">
        <v>5375</v>
      </c>
      <c r="P30" s="880">
        <v>2403</v>
      </c>
      <c r="Q30" s="880">
        <v>-798</v>
      </c>
      <c r="R30" s="879">
        <v>-710</v>
      </c>
      <c r="S30" s="880">
        <v>-88</v>
      </c>
      <c r="T30" s="880">
        <v>17528</v>
      </c>
      <c r="U30" s="879">
        <v>9877</v>
      </c>
      <c r="V30" s="880">
        <v>7651</v>
      </c>
      <c r="W30" s="880">
        <v>18326</v>
      </c>
      <c r="X30" s="880">
        <v>10587</v>
      </c>
      <c r="Y30" s="879">
        <v>7739</v>
      </c>
    </row>
    <row r="31" spans="1:25" ht="21" customHeight="1">
      <c r="A31" s="856" t="s">
        <v>533</v>
      </c>
      <c r="B31" s="878">
        <v>1037862</v>
      </c>
      <c r="C31" s="756" t="s">
        <v>296</v>
      </c>
      <c r="D31" s="849"/>
      <c r="E31" s="879">
        <v>-17862</v>
      </c>
      <c r="F31" s="880">
        <v>-11941</v>
      </c>
      <c r="G31" s="880">
        <v>-5921</v>
      </c>
      <c r="H31" s="879">
        <v>-18299</v>
      </c>
      <c r="I31" s="880">
        <v>-11978</v>
      </c>
      <c r="J31" s="880">
        <v>-6321</v>
      </c>
      <c r="K31" s="879" t="s">
        <v>44</v>
      </c>
      <c r="L31" s="880" t="s">
        <v>44</v>
      </c>
      <c r="M31" s="880" t="s">
        <v>44</v>
      </c>
      <c r="N31" s="1136">
        <v>18299</v>
      </c>
      <c r="O31" s="879">
        <v>11978</v>
      </c>
      <c r="P31" s="880">
        <v>6321</v>
      </c>
      <c r="Q31" s="880">
        <v>437</v>
      </c>
      <c r="R31" s="879">
        <v>37</v>
      </c>
      <c r="S31" s="880">
        <v>400</v>
      </c>
      <c r="T31" s="880">
        <v>11785</v>
      </c>
      <c r="U31" s="879">
        <v>5590</v>
      </c>
      <c r="V31" s="880">
        <v>6195</v>
      </c>
      <c r="W31" s="880">
        <v>11348</v>
      </c>
      <c r="X31" s="880">
        <v>5553</v>
      </c>
      <c r="Y31" s="879">
        <v>5795</v>
      </c>
    </row>
    <row r="32" spans="1:25" ht="21" customHeight="1">
      <c r="A32" s="849" t="s">
        <v>526</v>
      </c>
      <c r="B32" s="878">
        <v>544341</v>
      </c>
      <c r="C32" s="756" t="s">
        <v>297</v>
      </c>
      <c r="D32" s="849"/>
      <c r="E32" s="879">
        <v>-28744</v>
      </c>
      <c r="F32" s="880">
        <v>-15943</v>
      </c>
      <c r="G32" s="880">
        <v>-12801</v>
      </c>
      <c r="H32" s="879">
        <v>-29771</v>
      </c>
      <c r="I32" s="880">
        <v>-16172</v>
      </c>
      <c r="J32" s="880">
        <v>-13599</v>
      </c>
      <c r="K32" s="879" t="s">
        <v>44</v>
      </c>
      <c r="L32" s="880" t="s">
        <v>44</v>
      </c>
      <c r="M32" s="880" t="s">
        <v>44</v>
      </c>
      <c r="N32" s="1136">
        <v>29771</v>
      </c>
      <c r="O32" s="879">
        <v>16172</v>
      </c>
      <c r="P32" s="880">
        <v>13599</v>
      </c>
      <c r="Q32" s="880">
        <v>1027</v>
      </c>
      <c r="R32" s="879">
        <v>229</v>
      </c>
      <c r="S32" s="880">
        <v>798</v>
      </c>
      <c r="T32" s="880">
        <v>8781</v>
      </c>
      <c r="U32" s="879">
        <v>2873</v>
      </c>
      <c r="V32" s="880">
        <v>5908</v>
      </c>
      <c r="W32" s="880">
        <v>7754</v>
      </c>
      <c r="X32" s="880">
        <v>2644</v>
      </c>
      <c r="Y32" s="879">
        <v>5110</v>
      </c>
    </row>
    <row r="33" spans="1:25" ht="21" customHeight="1">
      <c r="A33" s="849" t="s">
        <v>528</v>
      </c>
      <c r="B33" s="883">
        <v>117274</v>
      </c>
      <c r="C33" s="763" t="s">
        <v>298</v>
      </c>
      <c r="D33" s="857"/>
      <c r="E33" s="883">
        <v>-18946</v>
      </c>
      <c r="F33" s="885">
        <v>-6517</v>
      </c>
      <c r="G33" s="885">
        <v>-12429</v>
      </c>
      <c r="H33" s="883">
        <v>-19318</v>
      </c>
      <c r="I33" s="885">
        <v>-6589</v>
      </c>
      <c r="J33" s="885">
        <v>-12729</v>
      </c>
      <c r="K33" s="883" t="s">
        <v>44</v>
      </c>
      <c r="L33" s="885" t="s">
        <v>44</v>
      </c>
      <c r="M33" s="885" t="s">
        <v>44</v>
      </c>
      <c r="N33" s="1137">
        <v>19318</v>
      </c>
      <c r="O33" s="883">
        <v>6589</v>
      </c>
      <c r="P33" s="885">
        <v>12729</v>
      </c>
      <c r="Q33" s="885">
        <v>372</v>
      </c>
      <c r="R33" s="883">
        <v>72</v>
      </c>
      <c r="S33" s="885">
        <v>300</v>
      </c>
      <c r="T33" s="885">
        <v>2646</v>
      </c>
      <c r="U33" s="883">
        <v>621</v>
      </c>
      <c r="V33" s="885">
        <v>2025</v>
      </c>
      <c r="W33" s="885">
        <v>2274</v>
      </c>
      <c r="X33" s="885">
        <v>549</v>
      </c>
      <c r="Y33" s="883">
        <v>1725</v>
      </c>
    </row>
    <row r="34" spans="1:25" ht="21" customHeight="1">
      <c r="A34" s="849" t="s">
        <v>530</v>
      </c>
      <c r="B34" s="883">
        <v>4417</v>
      </c>
      <c r="C34" s="763" t="s">
        <v>535</v>
      </c>
      <c r="D34" s="857"/>
      <c r="E34" s="883">
        <v>-1757</v>
      </c>
      <c r="F34" s="885">
        <v>-265</v>
      </c>
      <c r="G34" s="885">
        <v>-1492</v>
      </c>
      <c r="H34" s="883">
        <v>-1756</v>
      </c>
      <c r="I34" s="885">
        <v>-263</v>
      </c>
      <c r="J34" s="885">
        <v>-1493</v>
      </c>
      <c r="K34" s="883" t="s">
        <v>44</v>
      </c>
      <c r="L34" s="885" t="s">
        <v>44</v>
      </c>
      <c r="M34" s="885" t="s">
        <v>44</v>
      </c>
      <c r="N34" s="1137">
        <v>1756</v>
      </c>
      <c r="O34" s="883">
        <v>263</v>
      </c>
      <c r="P34" s="885">
        <v>1493</v>
      </c>
      <c r="Q34" s="885">
        <v>-1</v>
      </c>
      <c r="R34" s="883">
        <v>-2</v>
      </c>
      <c r="S34" s="885">
        <v>1</v>
      </c>
      <c r="T34" s="885">
        <v>60</v>
      </c>
      <c r="U34" s="883">
        <v>10</v>
      </c>
      <c r="V34" s="885">
        <v>50</v>
      </c>
      <c r="W34" s="885">
        <v>61</v>
      </c>
      <c r="X34" s="885">
        <v>12</v>
      </c>
      <c r="Y34" s="883">
        <v>49</v>
      </c>
    </row>
    <row r="35" spans="1:25" ht="21" customHeight="1" thickBot="1">
      <c r="A35" s="857"/>
      <c r="B35" s="879">
        <v>82926</v>
      </c>
      <c r="C35" s="746" t="s">
        <v>128</v>
      </c>
      <c r="D35" s="857"/>
      <c r="E35" s="761" t="s">
        <v>44</v>
      </c>
      <c r="F35" s="762" t="s">
        <v>44</v>
      </c>
      <c r="G35" s="869" t="s">
        <v>44</v>
      </c>
      <c r="H35" s="761" t="s">
        <v>44</v>
      </c>
      <c r="I35" s="762" t="s">
        <v>44</v>
      </c>
      <c r="J35" s="869" t="s">
        <v>44</v>
      </c>
      <c r="K35" s="761" t="s">
        <v>44</v>
      </c>
      <c r="L35" s="762" t="s">
        <v>44</v>
      </c>
      <c r="M35" s="762"/>
      <c r="N35" s="869" t="s">
        <v>44</v>
      </c>
      <c r="O35" s="761" t="s">
        <v>44</v>
      </c>
      <c r="P35" s="762" t="s">
        <v>44</v>
      </c>
      <c r="Q35" s="869" t="s">
        <v>44</v>
      </c>
      <c r="R35" s="761" t="s">
        <v>44</v>
      </c>
      <c r="S35" s="762" t="s">
        <v>44</v>
      </c>
      <c r="T35" s="869" t="s">
        <v>44</v>
      </c>
      <c r="U35" s="870" t="s">
        <v>44</v>
      </c>
      <c r="V35" s="869" t="s">
        <v>44</v>
      </c>
      <c r="W35" s="869" t="s">
        <v>44</v>
      </c>
      <c r="X35" s="762" t="s">
        <v>44</v>
      </c>
      <c r="Y35" s="868" t="s">
        <v>44</v>
      </c>
    </row>
    <row r="36" spans="1:25" ht="21" customHeight="1" thickTop="1">
      <c r="A36" s="871" t="s">
        <v>724</v>
      </c>
      <c r="B36" s="872">
        <v>20200</v>
      </c>
      <c r="C36" s="873" t="s">
        <v>214</v>
      </c>
      <c r="D36" s="871" t="s">
        <v>724</v>
      </c>
      <c r="E36" s="874">
        <v>1854</v>
      </c>
      <c r="F36" s="874">
        <v>1439</v>
      </c>
      <c r="G36" s="874">
        <v>415</v>
      </c>
      <c r="H36" s="874">
        <v>-4829</v>
      </c>
      <c r="I36" s="874">
        <v>-2649</v>
      </c>
      <c r="J36" s="874">
        <v>-2180</v>
      </c>
      <c r="K36" s="874">
        <v>-3323</v>
      </c>
      <c r="L36" s="874">
        <v>-1823</v>
      </c>
      <c r="M36" s="875">
        <v>-1500</v>
      </c>
      <c r="N36" s="1135">
        <v>1506</v>
      </c>
      <c r="O36" s="875">
        <v>826</v>
      </c>
      <c r="P36" s="875">
        <v>680</v>
      </c>
      <c r="Q36" s="875">
        <v>6683</v>
      </c>
      <c r="R36" s="875">
        <v>4088</v>
      </c>
      <c r="S36" s="875">
        <v>2595</v>
      </c>
      <c r="T36" s="875">
        <v>7202</v>
      </c>
      <c r="U36" s="875">
        <v>4254</v>
      </c>
      <c r="V36" s="875">
        <v>2948</v>
      </c>
      <c r="W36" s="875">
        <v>519</v>
      </c>
      <c r="X36" s="875">
        <v>166</v>
      </c>
      <c r="Y36" s="872">
        <v>353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10162</v>
      </c>
      <c r="C38" s="746" t="s">
        <v>725</v>
      </c>
      <c r="D38" s="876" t="s">
        <v>732</v>
      </c>
      <c r="E38" s="879">
        <v>-2580</v>
      </c>
      <c r="F38" s="879">
        <v>-1334</v>
      </c>
      <c r="G38" s="879">
        <v>-1246</v>
      </c>
      <c r="H38" s="879">
        <v>-3304</v>
      </c>
      <c r="I38" s="879">
        <v>-1810</v>
      </c>
      <c r="J38" s="879">
        <v>-1494</v>
      </c>
      <c r="K38" s="879">
        <v>-3323</v>
      </c>
      <c r="L38" s="879">
        <v>-1823</v>
      </c>
      <c r="M38" s="880">
        <v>-1500</v>
      </c>
      <c r="N38" s="1136">
        <v>-19</v>
      </c>
      <c r="O38" s="880">
        <v>-13</v>
      </c>
      <c r="P38" s="880">
        <v>-6</v>
      </c>
      <c r="Q38" s="880">
        <v>724</v>
      </c>
      <c r="R38" s="880">
        <v>476</v>
      </c>
      <c r="S38" s="880">
        <v>248</v>
      </c>
      <c r="T38" s="880">
        <v>-690</v>
      </c>
      <c r="U38" s="880">
        <v>-214</v>
      </c>
      <c r="V38" s="880">
        <v>-476</v>
      </c>
      <c r="W38" s="880">
        <v>-1414</v>
      </c>
      <c r="X38" s="880">
        <v>-690</v>
      </c>
      <c r="Y38" s="878">
        <v>-724</v>
      </c>
    </row>
    <row r="39" spans="1:25" ht="21" customHeight="1">
      <c r="A39" s="849"/>
      <c r="B39" s="878">
        <v>-5538</v>
      </c>
      <c r="C39" s="756" t="s">
        <v>290</v>
      </c>
      <c r="D39" s="856" t="s">
        <v>518</v>
      </c>
      <c r="E39" s="879">
        <v>-10</v>
      </c>
      <c r="F39" s="879">
        <v>-91</v>
      </c>
      <c r="G39" s="879">
        <v>81</v>
      </c>
      <c r="H39" s="879">
        <v>-6</v>
      </c>
      <c r="I39" s="879">
        <v>-4</v>
      </c>
      <c r="J39" s="879">
        <v>-2</v>
      </c>
      <c r="K39" s="761" t="s">
        <v>44</v>
      </c>
      <c r="L39" s="761" t="s">
        <v>44</v>
      </c>
      <c r="M39" s="762" t="s">
        <v>44</v>
      </c>
      <c r="N39" s="1136">
        <v>6</v>
      </c>
      <c r="O39" s="880">
        <v>4</v>
      </c>
      <c r="P39" s="880">
        <v>2</v>
      </c>
      <c r="Q39" s="880">
        <v>-4</v>
      </c>
      <c r="R39" s="880">
        <v>-87</v>
      </c>
      <c r="S39" s="880">
        <v>83</v>
      </c>
      <c r="T39" s="880">
        <v>238</v>
      </c>
      <c r="U39" s="880">
        <v>93</v>
      </c>
      <c r="V39" s="880">
        <v>145</v>
      </c>
      <c r="W39" s="880">
        <v>242</v>
      </c>
      <c r="X39" s="880">
        <v>180</v>
      </c>
      <c r="Y39" s="878">
        <v>62</v>
      </c>
    </row>
    <row r="40" spans="1:25" ht="21" customHeight="1">
      <c r="A40" s="881" t="s">
        <v>518</v>
      </c>
      <c r="B40" s="878">
        <v>16957</v>
      </c>
      <c r="C40" s="756" t="s">
        <v>291</v>
      </c>
      <c r="D40" s="849" t="s">
        <v>520</v>
      </c>
      <c r="E40" s="879">
        <v>2891</v>
      </c>
      <c r="F40" s="879">
        <v>1492</v>
      </c>
      <c r="G40" s="879">
        <v>1399</v>
      </c>
      <c r="H40" s="879">
        <v>-12</v>
      </c>
      <c r="I40" s="879">
        <v>-14</v>
      </c>
      <c r="J40" s="879">
        <v>2</v>
      </c>
      <c r="K40" s="761" t="s">
        <v>44</v>
      </c>
      <c r="L40" s="761" t="s">
        <v>44</v>
      </c>
      <c r="M40" s="762" t="s">
        <v>44</v>
      </c>
      <c r="N40" s="1136">
        <v>12</v>
      </c>
      <c r="O40" s="880">
        <v>14</v>
      </c>
      <c r="P40" s="880">
        <v>-2</v>
      </c>
      <c r="Q40" s="880">
        <v>2903</v>
      </c>
      <c r="R40" s="880">
        <v>1506</v>
      </c>
      <c r="S40" s="880">
        <v>1397</v>
      </c>
      <c r="T40" s="880">
        <v>8469</v>
      </c>
      <c r="U40" s="880">
        <v>4458</v>
      </c>
      <c r="V40" s="880">
        <v>4011</v>
      </c>
      <c r="W40" s="880">
        <v>5566</v>
      </c>
      <c r="X40" s="880">
        <v>2952</v>
      </c>
      <c r="Y40" s="878">
        <v>2614</v>
      </c>
    </row>
    <row r="41" spans="1:25" ht="21" customHeight="1">
      <c r="A41" s="881" t="s">
        <v>520</v>
      </c>
      <c r="B41" s="878">
        <v>-25305</v>
      </c>
      <c r="C41" s="756" t="s">
        <v>292</v>
      </c>
      <c r="D41" s="849">
        <v>30</v>
      </c>
      <c r="E41" s="879">
        <v>1560</v>
      </c>
      <c r="F41" s="879">
        <v>1251</v>
      </c>
      <c r="G41" s="879">
        <v>309</v>
      </c>
      <c r="H41" s="879">
        <v>-6</v>
      </c>
      <c r="I41" s="879">
        <v>-6</v>
      </c>
      <c r="J41" s="879">
        <v>0</v>
      </c>
      <c r="K41" s="761" t="s">
        <v>44</v>
      </c>
      <c r="L41" s="761" t="s">
        <v>44</v>
      </c>
      <c r="M41" s="762" t="s">
        <v>44</v>
      </c>
      <c r="N41" s="1136">
        <v>6</v>
      </c>
      <c r="O41" s="880">
        <v>6</v>
      </c>
      <c r="P41" s="880">
        <v>0</v>
      </c>
      <c r="Q41" s="880">
        <v>1566</v>
      </c>
      <c r="R41" s="880">
        <v>1257</v>
      </c>
      <c r="S41" s="880">
        <v>309</v>
      </c>
      <c r="T41" s="880">
        <v>-1111</v>
      </c>
      <c r="U41" s="880">
        <v>-117</v>
      </c>
      <c r="V41" s="880">
        <v>-994</v>
      </c>
      <c r="W41" s="880">
        <v>-2677</v>
      </c>
      <c r="X41" s="880">
        <v>-1374</v>
      </c>
      <c r="Y41" s="878">
        <v>-1303</v>
      </c>
    </row>
    <row r="42" spans="1:25" ht="21" customHeight="1">
      <c r="A42" s="882">
        <v>31</v>
      </c>
      <c r="B42" s="883">
        <v>-27262</v>
      </c>
      <c r="C42" s="763" t="s">
        <v>293</v>
      </c>
      <c r="D42" s="884" t="s">
        <v>734</v>
      </c>
      <c r="E42" s="883">
        <v>730</v>
      </c>
      <c r="F42" s="883">
        <v>652</v>
      </c>
      <c r="G42" s="883">
        <v>78</v>
      </c>
      <c r="H42" s="883">
        <v>102</v>
      </c>
      <c r="I42" s="883">
        <v>80</v>
      </c>
      <c r="J42" s="885">
        <v>22</v>
      </c>
      <c r="K42" s="761" t="s">
        <v>44</v>
      </c>
      <c r="L42" s="761" t="s">
        <v>44</v>
      </c>
      <c r="M42" s="762" t="s">
        <v>44</v>
      </c>
      <c r="N42" s="1137">
        <v>-102</v>
      </c>
      <c r="O42" s="885">
        <v>-80</v>
      </c>
      <c r="P42" s="885">
        <v>-22</v>
      </c>
      <c r="Q42" s="885">
        <v>628</v>
      </c>
      <c r="R42" s="885">
        <v>572</v>
      </c>
      <c r="S42" s="885">
        <v>56</v>
      </c>
      <c r="T42" s="885">
        <v>-1307</v>
      </c>
      <c r="U42" s="885">
        <v>-538</v>
      </c>
      <c r="V42" s="885">
        <v>-769</v>
      </c>
      <c r="W42" s="885">
        <v>-1935</v>
      </c>
      <c r="X42" s="885">
        <v>-1110</v>
      </c>
      <c r="Y42" s="886">
        <v>-825</v>
      </c>
    </row>
    <row r="43" spans="1:25" ht="21" customHeight="1">
      <c r="A43" s="887" t="s">
        <v>734</v>
      </c>
      <c r="B43" s="878">
        <v>46455</v>
      </c>
      <c r="C43" s="756" t="s">
        <v>294</v>
      </c>
      <c r="D43" s="888" t="s">
        <v>735</v>
      </c>
      <c r="E43" s="879">
        <v>125</v>
      </c>
      <c r="F43" s="879">
        <v>-94</v>
      </c>
      <c r="G43" s="879">
        <v>219</v>
      </c>
      <c r="H43" s="879">
        <v>-89</v>
      </c>
      <c r="I43" s="879">
        <v>-158</v>
      </c>
      <c r="J43" s="879">
        <v>69</v>
      </c>
      <c r="K43" s="889" t="s">
        <v>44</v>
      </c>
      <c r="L43" s="889" t="s">
        <v>44</v>
      </c>
      <c r="M43" s="870" t="s">
        <v>44</v>
      </c>
      <c r="N43" s="1136">
        <v>89</v>
      </c>
      <c r="O43" s="880">
        <v>158</v>
      </c>
      <c r="P43" s="880">
        <v>-69</v>
      </c>
      <c r="Q43" s="880">
        <v>214</v>
      </c>
      <c r="R43" s="880">
        <v>64</v>
      </c>
      <c r="S43" s="880">
        <v>150</v>
      </c>
      <c r="T43" s="880">
        <v>1064</v>
      </c>
      <c r="U43" s="880">
        <v>467</v>
      </c>
      <c r="V43" s="880">
        <v>597</v>
      </c>
      <c r="W43" s="880">
        <v>850</v>
      </c>
      <c r="X43" s="880">
        <v>403</v>
      </c>
      <c r="Y43" s="878">
        <v>447</v>
      </c>
    </row>
    <row r="44" spans="1:25" ht="21" customHeight="1">
      <c r="A44" s="881" t="s">
        <v>219</v>
      </c>
      <c r="B44" s="878">
        <v>-45953</v>
      </c>
      <c r="C44" s="756" t="s">
        <v>295</v>
      </c>
      <c r="D44" s="888" t="s">
        <v>736</v>
      </c>
      <c r="E44" s="879">
        <v>590</v>
      </c>
      <c r="F44" s="879">
        <v>560</v>
      </c>
      <c r="G44" s="879">
        <v>30</v>
      </c>
      <c r="H44" s="879">
        <v>551</v>
      </c>
      <c r="I44" s="879">
        <v>399</v>
      </c>
      <c r="J44" s="879">
        <v>152</v>
      </c>
      <c r="K44" s="761" t="s">
        <v>44</v>
      </c>
      <c r="L44" s="761" t="s">
        <v>44</v>
      </c>
      <c r="M44" s="762" t="s">
        <v>44</v>
      </c>
      <c r="N44" s="1136">
        <v>-551</v>
      </c>
      <c r="O44" s="880">
        <v>-399</v>
      </c>
      <c r="P44" s="880">
        <v>-152</v>
      </c>
      <c r="Q44" s="880">
        <v>39</v>
      </c>
      <c r="R44" s="880">
        <v>161</v>
      </c>
      <c r="S44" s="880">
        <v>-122</v>
      </c>
      <c r="T44" s="880">
        <v>-458</v>
      </c>
      <c r="U44" s="880">
        <v>-185</v>
      </c>
      <c r="V44" s="880">
        <v>-273</v>
      </c>
      <c r="W44" s="880">
        <v>-497</v>
      </c>
      <c r="X44" s="880">
        <v>-346</v>
      </c>
      <c r="Y44" s="878">
        <v>-151</v>
      </c>
    </row>
    <row r="45" spans="1:25" ht="21" customHeight="1">
      <c r="A45" s="882" t="s">
        <v>737</v>
      </c>
      <c r="B45" s="878">
        <v>44293</v>
      </c>
      <c r="C45" s="756" t="s">
        <v>296</v>
      </c>
      <c r="D45" s="888" t="s">
        <v>738</v>
      </c>
      <c r="E45" s="879">
        <v>-66</v>
      </c>
      <c r="F45" s="879">
        <v>-215</v>
      </c>
      <c r="G45" s="879">
        <v>149</v>
      </c>
      <c r="H45" s="879">
        <v>-225</v>
      </c>
      <c r="I45" s="879">
        <v>-299</v>
      </c>
      <c r="J45" s="879">
        <v>74</v>
      </c>
      <c r="K45" s="761" t="s">
        <v>44</v>
      </c>
      <c r="L45" s="761" t="s">
        <v>44</v>
      </c>
      <c r="M45" s="762" t="s">
        <v>44</v>
      </c>
      <c r="N45" s="1136">
        <v>225</v>
      </c>
      <c r="O45" s="880">
        <v>299</v>
      </c>
      <c r="P45" s="880">
        <v>-74</v>
      </c>
      <c r="Q45" s="880">
        <v>159</v>
      </c>
      <c r="R45" s="880">
        <v>84</v>
      </c>
      <c r="S45" s="880">
        <v>75</v>
      </c>
      <c r="T45" s="880">
        <v>481</v>
      </c>
      <c r="U45" s="880">
        <v>118</v>
      </c>
      <c r="V45" s="880">
        <v>363</v>
      </c>
      <c r="W45" s="880">
        <v>322</v>
      </c>
      <c r="X45" s="880">
        <v>34</v>
      </c>
      <c r="Y45" s="878">
        <v>288</v>
      </c>
    </row>
    <row r="46" spans="1:25" ht="21" customHeight="1">
      <c r="A46" s="882">
        <v>2</v>
      </c>
      <c r="B46" s="878">
        <v>18455</v>
      </c>
      <c r="C46" s="756" t="s">
        <v>297</v>
      </c>
      <c r="D46" s="888" t="s">
        <v>739</v>
      </c>
      <c r="E46" s="879">
        <v>-256</v>
      </c>
      <c r="F46" s="879">
        <v>-306</v>
      </c>
      <c r="G46" s="879">
        <v>50</v>
      </c>
      <c r="H46" s="879">
        <v>-552</v>
      </c>
      <c r="I46" s="879">
        <v>-351</v>
      </c>
      <c r="J46" s="879">
        <v>-201</v>
      </c>
      <c r="K46" s="761" t="s">
        <v>44</v>
      </c>
      <c r="L46" s="761" t="s">
        <v>44</v>
      </c>
      <c r="M46" s="762" t="s">
        <v>44</v>
      </c>
      <c r="N46" s="1136">
        <v>552</v>
      </c>
      <c r="O46" s="880">
        <v>351</v>
      </c>
      <c r="P46" s="880">
        <v>201</v>
      </c>
      <c r="Q46" s="880">
        <v>296</v>
      </c>
      <c r="R46" s="880">
        <v>45</v>
      </c>
      <c r="S46" s="880">
        <v>251</v>
      </c>
      <c r="T46" s="880">
        <v>212</v>
      </c>
      <c r="U46" s="880">
        <v>59</v>
      </c>
      <c r="V46" s="880">
        <v>153</v>
      </c>
      <c r="W46" s="880">
        <v>-84</v>
      </c>
      <c r="X46" s="880">
        <v>14</v>
      </c>
      <c r="Y46" s="878">
        <v>-98</v>
      </c>
    </row>
    <row r="47" spans="1:25" ht="21" customHeight="1">
      <c r="A47" s="881" t="s">
        <v>148</v>
      </c>
      <c r="B47" s="883">
        <v>7900</v>
      </c>
      <c r="C47" s="763" t="s">
        <v>298</v>
      </c>
      <c r="D47" s="888" t="s">
        <v>740</v>
      </c>
      <c r="E47" s="883">
        <v>-1062</v>
      </c>
      <c r="F47" s="883">
        <v>-441</v>
      </c>
      <c r="G47" s="883">
        <v>-621</v>
      </c>
      <c r="H47" s="883">
        <v>-1202</v>
      </c>
      <c r="I47" s="883">
        <v>-446</v>
      </c>
      <c r="J47" s="885">
        <v>-756</v>
      </c>
      <c r="K47" s="767" t="s">
        <v>44</v>
      </c>
      <c r="L47" s="767" t="s">
        <v>44</v>
      </c>
      <c r="M47" s="768" t="s">
        <v>44</v>
      </c>
      <c r="N47" s="1137">
        <v>1202</v>
      </c>
      <c r="O47" s="885">
        <v>446</v>
      </c>
      <c r="P47" s="885">
        <v>756</v>
      </c>
      <c r="Q47" s="885">
        <v>140</v>
      </c>
      <c r="R47" s="885">
        <v>5</v>
      </c>
      <c r="S47" s="885">
        <v>135</v>
      </c>
      <c r="T47" s="885">
        <v>293</v>
      </c>
      <c r="U47" s="885">
        <v>114</v>
      </c>
      <c r="V47" s="885">
        <v>179</v>
      </c>
      <c r="W47" s="885">
        <v>153</v>
      </c>
      <c r="X47" s="885">
        <v>109</v>
      </c>
      <c r="Y47" s="886">
        <v>44</v>
      </c>
    </row>
    <row r="48" spans="1:25" ht="21" customHeight="1">
      <c r="A48" s="881" t="s">
        <v>741</v>
      </c>
      <c r="B48" s="883">
        <v>360</v>
      </c>
      <c r="C48" s="763" t="s">
        <v>535</v>
      </c>
      <c r="D48" s="888" t="s">
        <v>741</v>
      </c>
      <c r="E48" s="890">
        <v>-68</v>
      </c>
      <c r="F48" s="890">
        <v>-35</v>
      </c>
      <c r="G48" s="890">
        <v>-33</v>
      </c>
      <c r="H48" s="890">
        <v>-86</v>
      </c>
      <c r="I48" s="890">
        <v>-40</v>
      </c>
      <c r="J48" s="891">
        <v>-46</v>
      </c>
      <c r="K48" s="775" t="s">
        <v>44</v>
      </c>
      <c r="L48" s="775" t="s">
        <v>44</v>
      </c>
      <c r="M48" s="776" t="s">
        <v>44</v>
      </c>
      <c r="N48" s="1138">
        <v>86</v>
      </c>
      <c r="O48" s="891">
        <v>40</v>
      </c>
      <c r="P48" s="891">
        <v>46</v>
      </c>
      <c r="Q48" s="891">
        <v>18</v>
      </c>
      <c r="R48" s="891">
        <v>5</v>
      </c>
      <c r="S48" s="891">
        <v>13</v>
      </c>
      <c r="T48" s="891">
        <v>11</v>
      </c>
      <c r="U48" s="891">
        <v>-1</v>
      </c>
      <c r="V48" s="891">
        <v>12</v>
      </c>
      <c r="W48" s="891">
        <v>-7</v>
      </c>
      <c r="X48" s="891">
        <v>-6</v>
      </c>
      <c r="Y48" s="892">
        <v>-1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38" t="s">
        <v>44</v>
      </c>
      <c r="Q49" s="864" t="s">
        <v>44</v>
      </c>
      <c r="R49" s="838" t="s">
        <v>44</v>
      </c>
      <c r="S49" s="863" t="s">
        <v>44</v>
      </c>
      <c r="T49" s="864" t="s">
        <v>44</v>
      </c>
      <c r="U49" s="838" t="s">
        <v>44</v>
      </c>
      <c r="V49" s="838" t="s">
        <v>44</v>
      </c>
      <c r="W49" s="864" t="s">
        <v>44</v>
      </c>
      <c r="X49" s="838" t="s">
        <v>44</v>
      </c>
      <c r="Y49" s="861" t="s">
        <v>44</v>
      </c>
    </row>
    <row r="50" spans="1:25" ht="15" thickTop="1">
      <c r="A50" s="207" t="s">
        <v>743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744</v>
      </c>
      <c r="C51" s="297"/>
      <c r="D51" s="297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38-</oddFooter>
    <evenFooter>&amp;C&amp;"ＭＳ ゴシック,太字"&amp;10-39-</even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745</v>
      </c>
      <c r="C1" s="353"/>
      <c r="D1" s="353"/>
      <c r="E1" s="353"/>
      <c r="F1" s="353"/>
      <c r="G1" s="353"/>
      <c r="S1" s="353" t="s">
        <v>746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11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596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747</v>
      </c>
      <c r="L4" s="1321"/>
      <c r="M4" s="1322"/>
      <c r="N4" s="731"/>
      <c r="O4" s="729" t="s">
        <v>597</v>
      </c>
      <c r="P4" s="731"/>
      <c r="Q4" s="1316" t="s">
        <v>464</v>
      </c>
      <c r="R4" s="1317"/>
      <c r="S4" s="1318"/>
      <c r="T4" s="1320" t="s">
        <v>748</v>
      </c>
      <c r="U4" s="1321"/>
      <c r="V4" s="1322"/>
      <c r="W4" s="1320" t="s">
        <v>749</v>
      </c>
      <c r="X4" s="1321"/>
      <c r="Y4" s="1321"/>
    </row>
    <row r="5" spans="1:25" ht="21" customHeight="1">
      <c r="A5" s="731"/>
      <c r="B5" s="731"/>
      <c r="C5" s="1319"/>
      <c r="D5" s="1316" t="s">
        <v>750</v>
      </c>
      <c r="E5" s="1317"/>
      <c r="F5" s="1317"/>
      <c r="G5" s="1318"/>
      <c r="H5" s="1323" t="s">
        <v>549</v>
      </c>
      <c r="I5" s="1324"/>
      <c r="J5" s="1325"/>
      <c r="K5" s="1323" t="s">
        <v>751</v>
      </c>
      <c r="L5" s="1324"/>
      <c r="M5" s="1325"/>
      <c r="N5" s="846"/>
      <c r="O5" s="737" t="s">
        <v>551</v>
      </c>
      <c r="P5" s="846"/>
      <c r="Q5" s="1323" t="s">
        <v>694</v>
      </c>
      <c r="R5" s="1324"/>
      <c r="S5" s="1325"/>
      <c r="T5" s="1323" t="s">
        <v>752</v>
      </c>
      <c r="U5" s="1324"/>
      <c r="V5" s="1325"/>
      <c r="W5" s="1323" t="s">
        <v>753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849" t="s">
        <v>754</v>
      </c>
      <c r="N6" s="729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853" t="s">
        <v>212</v>
      </c>
      <c r="N7" s="191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3749929</v>
      </c>
      <c r="C8" s="746" t="s">
        <v>214</v>
      </c>
      <c r="D8" s="854"/>
      <c r="E8" s="745">
        <v>8985</v>
      </c>
      <c r="F8" s="748">
        <v>3866</v>
      </c>
      <c r="G8" s="747">
        <v>5119</v>
      </c>
      <c r="H8" s="745">
        <v>-7200</v>
      </c>
      <c r="I8" s="748">
        <v>-4406</v>
      </c>
      <c r="J8" s="749">
        <v>-2794</v>
      </c>
      <c r="K8" s="745">
        <v>26394</v>
      </c>
      <c r="L8" s="748">
        <v>13522</v>
      </c>
      <c r="M8" s="749">
        <v>12872</v>
      </c>
      <c r="N8" s="747">
        <v>33594</v>
      </c>
      <c r="O8" s="748">
        <v>17928</v>
      </c>
      <c r="P8" s="747">
        <v>15666</v>
      </c>
      <c r="Q8" s="745">
        <v>16185</v>
      </c>
      <c r="R8" s="748">
        <v>8272</v>
      </c>
      <c r="S8" s="749">
        <v>7913</v>
      </c>
      <c r="T8" s="747">
        <v>226883</v>
      </c>
      <c r="U8" s="748">
        <v>120455</v>
      </c>
      <c r="V8" s="747">
        <v>106428</v>
      </c>
      <c r="W8" s="745">
        <v>210698</v>
      </c>
      <c r="X8" s="748">
        <v>112183</v>
      </c>
      <c r="Y8" s="747">
        <v>98515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4"/>
      <c r="N9" s="752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291047</v>
      </c>
      <c r="C10" s="746" t="s">
        <v>725</v>
      </c>
      <c r="D10" s="849"/>
      <c r="E10" s="755">
        <v>26257</v>
      </c>
      <c r="F10" s="758">
        <v>13483</v>
      </c>
      <c r="G10" s="757">
        <v>12774</v>
      </c>
      <c r="H10" s="755">
        <v>26324</v>
      </c>
      <c r="I10" s="758">
        <v>13488</v>
      </c>
      <c r="J10" s="770">
        <v>12836</v>
      </c>
      <c r="K10" s="755">
        <v>26394</v>
      </c>
      <c r="L10" s="755">
        <v>13522</v>
      </c>
      <c r="M10" s="759">
        <v>12872</v>
      </c>
      <c r="N10" s="769">
        <v>70</v>
      </c>
      <c r="O10" s="755">
        <v>34</v>
      </c>
      <c r="P10" s="755">
        <v>36</v>
      </c>
      <c r="Q10" s="755">
        <v>-67</v>
      </c>
      <c r="R10" s="758">
        <v>-5</v>
      </c>
      <c r="S10" s="770">
        <v>-62</v>
      </c>
      <c r="T10" s="755">
        <v>18000</v>
      </c>
      <c r="U10" s="755">
        <v>9305</v>
      </c>
      <c r="V10" s="755">
        <v>8695</v>
      </c>
      <c r="W10" s="755">
        <v>18067</v>
      </c>
      <c r="X10" s="755">
        <v>9310</v>
      </c>
      <c r="Y10" s="755">
        <v>8757</v>
      </c>
    </row>
    <row r="11" spans="1:25" ht="21" customHeight="1">
      <c r="A11" s="849" t="s">
        <v>219</v>
      </c>
      <c r="B11" s="757">
        <v>325713</v>
      </c>
      <c r="C11" s="756" t="s">
        <v>290</v>
      </c>
      <c r="D11" s="849" t="s">
        <v>518</v>
      </c>
      <c r="E11" s="755">
        <v>3157</v>
      </c>
      <c r="F11" s="758">
        <v>1617</v>
      </c>
      <c r="G11" s="757">
        <v>1540</v>
      </c>
      <c r="H11" s="755">
        <v>-37</v>
      </c>
      <c r="I11" s="758">
        <v>-21</v>
      </c>
      <c r="J11" s="770">
        <v>-16</v>
      </c>
      <c r="K11" s="761" t="s">
        <v>44</v>
      </c>
      <c r="L11" s="762" t="s">
        <v>44</v>
      </c>
      <c r="M11" s="762" t="s">
        <v>44</v>
      </c>
      <c r="N11" s="770">
        <v>37</v>
      </c>
      <c r="O11" s="755">
        <v>21</v>
      </c>
      <c r="P11" s="755">
        <v>16</v>
      </c>
      <c r="Q11" s="755">
        <v>3194</v>
      </c>
      <c r="R11" s="758">
        <v>1638</v>
      </c>
      <c r="S11" s="770">
        <v>1556</v>
      </c>
      <c r="T11" s="755">
        <v>11881</v>
      </c>
      <c r="U11" s="755">
        <v>6027</v>
      </c>
      <c r="V11" s="755">
        <v>5854</v>
      </c>
      <c r="W11" s="755">
        <v>8687</v>
      </c>
      <c r="X11" s="755">
        <v>4389</v>
      </c>
      <c r="Y11" s="755">
        <v>4298</v>
      </c>
    </row>
    <row r="12" spans="1:25" ht="21" customHeight="1">
      <c r="A12" s="849" t="s">
        <v>755</v>
      </c>
      <c r="B12" s="757">
        <v>414545</v>
      </c>
      <c r="C12" s="756" t="s">
        <v>291</v>
      </c>
      <c r="D12" s="849" t="s">
        <v>520</v>
      </c>
      <c r="E12" s="755">
        <v>11476</v>
      </c>
      <c r="F12" s="758">
        <v>6317</v>
      </c>
      <c r="G12" s="757">
        <v>5159</v>
      </c>
      <c r="H12" s="755">
        <v>-129</v>
      </c>
      <c r="I12" s="758">
        <v>-84</v>
      </c>
      <c r="J12" s="770">
        <v>-45</v>
      </c>
      <c r="K12" s="761" t="s">
        <v>44</v>
      </c>
      <c r="L12" s="762" t="s">
        <v>44</v>
      </c>
      <c r="M12" s="762" t="s">
        <v>44</v>
      </c>
      <c r="N12" s="770">
        <v>129</v>
      </c>
      <c r="O12" s="755">
        <v>84</v>
      </c>
      <c r="P12" s="755">
        <v>45</v>
      </c>
      <c r="Q12" s="755">
        <v>11605</v>
      </c>
      <c r="R12" s="758">
        <v>6401</v>
      </c>
      <c r="S12" s="770">
        <v>5204</v>
      </c>
      <c r="T12" s="755">
        <v>83915</v>
      </c>
      <c r="U12" s="755">
        <v>44240</v>
      </c>
      <c r="V12" s="755">
        <v>39675</v>
      </c>
      <c r="W12" s="755">
        <v>72310</v>
      </c>
      <c r="X12" s="755">
        <v>37839</v>
      </c>
      <c r="Y12" s="755">
        <v>34471</v>
      </c>
    </row>
    <row r="13" spans="1:25" ht="21" customHeight="1">
      <c r="A13" s="856">
        <v>2</v>
      </c>
      <c r="B13" s="757">
        <v>441120</v>
      </c>
      <c r="C13" s="756" t="s">
        <v>292</v>
      </c>
      <c r="D13" s="856">
        <v>31</v>
      </c>
      <c r="E13" s="755">
        <v>1041</v>
      </c>
      <c r="F13" s="758">
        <v>490</v>
      </c>
      <c r="G13" s="757">
        <v>551</v>
      </c>
      <c r="H13" s="755">
        <v>-199</v>
      </c>
      <c r="I13" s="758">
        <v>-131</v>
      </c>
      <c r="J13" s="770">
        <v>-68</v>
      </c>
      <c r="K13" s="761" t="s">
        <v>44</v>
      </c>
      <c r="L13" s="762" t="s">
        <v>44</v>
      </c>
      <c r="M13" s="762" t="s">
        <v>44</v>
      </c>
      <c r="N13" s="770">
        <v>199</v>
      </c>
      <c r="O13" s="755">
        <v>131</v>
      </c>
      <c r="P13" s="755">
        <v>68</v>
      </c>
      <c r="Q13" s="755">
        <v>1240</v>
      </c>
      <c r="R13" s="758">
        <v>621</v>
      </c>
      <c r="S13" s="770">
        <v>619</v>
      </c>
      <c r="T13" s="755">
        <v>54073</v>
      </c>
      <c r="U13" s="755">
        <v>29224</v>
      </c>
      <c r="V13" s="755">
        <v>24849</v>
      </c>
      <c r="W13" s="755">
        <v>52833</v>
      </c>
      <c r="X13" s="755">
        <v>28603</v>
      </c>
      <c r="Y13" s="755">
        <v>24230</v>
      </c>
    </row>
    <row r="14" spans="1:25" ht="21" customHeight="1">
      <c r="A14" s="849" t="s">
        <v>148</v>
      </c>
      <c r="B14" s="766">
        <v>594227</v>
      </c>
      <c r="C14" s="763" t="s">
        <v>293</v>
      </c>
      <c r="D14" s="849" t="s">
        <v>756</v>
      </c>
      <c r="E14" s="766">
        <v>39</v>
      </c>
      <c r="F14" s="765">
        <v>-117</v>
      </c>
      <c r="G14" s="764">
        <v>156</v>
      </c>
      <c r="H14" s="766">
        <v>-576</v>
      </c>
      <c r="I14" s="765">
        <v>-333</v>
      </c>
      <c r="J14" s="771">
        <v>-243</v>
      </c>
      <c r="K14" s="767" t="s">
        <v>44</v>
      </c>
      <c r="L14" s="768" t="s">
        <v>44</v>
      </c>
      <c r="M14" s="768" t="s">
        <v>44</v>
      </c>
      <c r="N14" s="770">
        <v>576</v>
      </c>
      <c r="O14" s="766">
        <v>333</v>
      </c>
      <c r="P14" s="766">
        <v>243</v>
      </c>
      <c r="Q14" s="766">
        <v>615</v>
      </c>
      <c r="R14" s="765">
        <v>216</v>
      </c>
      <c r="S14" s="771">
        <v>399</v>
      </c>
      <c r="T14" s="755">
        <v>25854</v>
      </c>
      <c r="U14" s="766">
        <v>14705</v>
      </c>
      <c r="V14" s="766">
        <v>11149</v>
      </c>
      <c r="W14" s="765">
        <v>25239</v>
      </c>
      <c r="X14" s="766">
        <v>14489</v>
      </c>
      <c r="Y14" s="766">
        <v>10750</v>
      </c>
    </row>
    <row r="15" spans="1:25" ht="21" customHeight="1">
      <c r="A15" s="856" t="s">
        <v>757</v>
      </c>
      <c r="B15" s="757">
        <v>538985</v>
      </c>
      <c r="C15" s="756" t="s">
        <v>294</v>
      </c>
      <c r="D15" s="849" t="s">
        <v>219</v>
      </c>
      <c r="E15" s="755">
        <v>-1590</v>
      </c>
      <c r="F15" s="758">
        <v>-1003</v>
      </c>
      <c r="G15" s="757">
        <v>-587</v>
      </c>
      <c r="H15" s="755">
        <v>-1363</v>
      </c>
      <c r="I15" s="758">
        <v>-904</v>
      </c>
      <c r="J15" s="770">
        <v>-459</v>
      </c>
      <c r="K15" s="761" t="s">
        <v>44</v>
      </c>
      <c r="L15" s="762" t="s">
        <v>44</v>
      </c>
      <c r="M15" s="762" t="s">
        <v>44</v>
      </c>
      <c r="N15" s="769">
        <v>1363</v>
      </c>
      <c r="O15" s="755">
        <v>904</v>
      </c>
      <c r="P15" s="755">
        <v>459</v>
      </c>
      <c r="Q15" s="755">
        <v>-227</v>
      </c>
      <c r="R15" s="758">
        <v>-99</v>
      </c>
      <c r="S15" s="770">
        <v>-128</v>
      </c>
      <c r="T15" s="759">
        <v>14792</v>
      </c>
      <c r="U15" s="755">
        <v>8526</v>
      </c>
      <c r="V15" s="755">
        <v>6266</v>
      </c>
      <c r="W15" s="755">
        <v>15019</v>
      </c>
      <c r="X15" s="755">
        <v>8625</v>
      </c>
      <c r="Y15" s="755">
        <v>6394</v>
      </c>
    </row>
    <row r="16" spans="1:25" ht="21" customHeight="1">
      <c r="A16" s="849" t="s">
        <v>523</v>
      </c>
      <c r="B16" s="757">
        <v>412409</v>
      </c>
      <c r="C16" s="756" t="s">
        <v>295</v>
      </c>
      <c r="D16" s="849" t="s">
        <v>221</v>
      </c>
      <c r="E16" s="755">
        <v>-3653</v>
      </c>
      <c r="F16" s="758">
        <v>-2481</v>
      </c>
      <c r="G16" s="757">
        <v>-1172</v>
      </c>
      <c r="H16" s="755">
        <v>-2803</v>
      </c>
      <c r="I16" s="758">
        <v>-1957</v>
      </c>
      <c r="J16" s="770">
        <v>-846</v>
      </c>
      <c r="K16" s="761" t="s">
        <v>44</v>
      </c>
      <c r="L16" s="762" t="s">
        <v>44</v>
      </c>
      <c r="M16" s="762" t="s">
        <v>44</v>
      </c>
      <c r="N16" s="770">
        <v>2803</v>
      </c>
      <c r="O16" s="755">
        <v>1957</v>
      </c>
      <c r="P16" s="755">
        <v>846</v>
      </c>
      <c r="Q16" s="755">
        <v>-850</v>
      </c>
      <c r="R16" s="758">
        <v>-524</v>
      </c>
      <c r="S16" s="770">
        <v>-326</v>
      </c>
      <c r="T16" s="755">
        <v>7552</v>
      </c>
      <c r="U16" s="755">
        <v>4303</v>
      </c>
      <c r="V16" s="755">
        <v>3249</v>
      </c>
      <c r="W16" s="755">
        <v>8402</v>
      </c>
      <c r="X16" s="755">
        <v>4827</v>
      </c>
      <c r="Y16" s="755">
        <v>3575</v>
      </c>
    </row>
    <row r="17" spans="1:25" ht="21" customHeight="1">
      <c r="A17" s="856" t="s">
        <v>533</v>
      </c>
      <c r="B17" s="757">
        <v>425928</v>
      </c>
      <c r="C17" s="756" t="s">
        <v>296</v>
      </c>
      <c r="D17" s="849" t="s">
        <v>729</v>
      </c>
      <c r="E17" s="755">
        <v>-7068</v>
      </c>
      <c r="F17" s="758">
        <v>-4822</v>
      </c>
      <c r="G17" s="878">
        <v>-2246</v>
      </c>
      <c r="H17" s="755">
        <v>-7128</v>
      </c>
      <c r="I17" s="758">
        <v>-4712</v>
      </c>
      <c r="J17" s="770">
        <v>-2416</v>
      </c>
      <c r="K17" s="761" t="s">
        <v>44</v>
      </c>
      <c r="L17" s="762" t="s">
        <v>44</v>
      </c>
      <c r="M17" s="762" t="s">
        <v>44</v>
      </c>
      <c r="N17" s="770">
        <v>7128</v>
      </c>
      <c r="O17" s="755">
        <v>4712</v>
      </c>
      <c r="P17" s="755">
        <v>2416</v>
      </c>
      <c r="Q17" s="755">
        <v>60</v>
      </c>
      <c r="R17" s="758">
        <v>-110</v>
      </c>
      <c r="S17" s="770">
        <v>170</v>
      </c>
      <c r="T17" s="755">
        <v>5444</v>
      </c>
      <c r="U17" s="755">
        <v>2477</v>
      </c>
      <c r="V17" s="755">
        <v>2967</v>
      </c>
      <c r="W17" s="755">
        <v>5384</v>
      </c>
      <c r="X17" s="755">
        <v>2587</v>
      </c>
      <c r="Y17" s="755">
        <v>2797</v>
      </c>
    </row>
    <row r="18" spans="1:25" ht="21" customHeight="1">
      <c r="A18" s="849" t="s">
        <v>526</v>
      </c>
      <c r="B18" s="757">
        <v>230844</v>
      </c>
      <c r="C18" s="756" t="s">
        <v>297</v>
      </c>
      <c r="D18" s="849" t="s">
        <v>758</v>
      </c>
      <c r="E18" s="755">
        <v>-11724</v>
      </c>
      <c r="F18" s="758">
        <v>-6578</v>
      </c>
      <c r="G18" s="757">
        <v>-5146</v>
      </c>
      <c r="H18" s="755">
        <v>-12199</v>
      </c>
      <c r="I18" s="758">
        <v>-6692</v>
      </c>
      <c r="J18" s="770">
        <v>-5507</v>
      </c>
      <c r="K18" s="761" t="s">
        <v>44</v>
      </c>
      <c r="L18" s="762" t="s">
        <v>44</v>
      </c>
      <c r="M18" s="762" t="s">
        <v>44</v>
      </c>
      <c r="N18" s="770">
        <v>12199</v>
      </c>
      <c r="O18" s="755">
        <v>6692</v>
      </c>
      <c r="P18" s="755">
        <v>5507</v>
      </c>
      <c r="Q18" s="755">
        <v>475</v>
      </c>
      <c r="R18" s="758">
        <v>114</v>
      </c>
      <c r="S18" s="770">
        <v>361</v>
      </c>
      <c r="T18" s="755">
        <v>4005</v>
      </c>
      <c r="U18" s="755">
        <v>1311</v>
      </c>
      <c r="V18" s="755">
        <v>2694</v>
      </c>
      <c r="W18" s="755">
        <v>3530</v>
      </c>
      <c r="X18" s="755">
        <v>1197</v>
      </c>
      <c r="Y18" s="755">
        <v>2333</v>
      </c>
    </row>
    <row r="19" spans="1:25" ht="21" customHeight="1">
      <c r="A19" s="849" t="s">
        <v>528</v>
      </c>
      <c r="B19" s="766">
        <v>50944</v>
      </c>
      <c r="C19" s="763" t="s">
        <v>298</v>
      </c>
      <c r="D19" s="849" t="s">
        <v>759</v>
      </c>
      <c r="E19" s="766">
        <v>-8244</v>
      </c>
      <c r="F19" s="765">
        <v>-2919</v>
      </c>
      <c r="G19" s="764">
        <v>-5325</v>
      </c>
      <c r="H19" s="766">
        <v>-8378</v>
      </c>
      <c r="I19" s="765">
        <v>-2939</v>
      </c>
      <c r="J19" s="771">
        <v>-5439</v>
      </c>
      <c r="K19" s="767" t="s">
        <v>44</v>
      </c>
      <c r="L19" s="768" t="s">
        <v>44</v>
      </c>
      <c r="M19" s="768" t="s">
        <v>44</v>
      </c>
      <c r="N19" s="771">
        <v>8378</v>
      </c>
      <c r="O19" s="766">
        <v>2939</v>
      </c>
      <c r="P19" s="766">
        <v>5439</v>
      </c>
      <c r="Q19" s="766">
        <v>134</v>
      </c>
      <c r="R19" s="765">
        <v>20</v>
      </c>
      <c r="S19" s="771">
        <v>114</v>
      </c>
      <c r="T19" s="765">
        <v>1335</v>
      </c>
      <c r="U19" s="766">
        <v>336</v>
      </c>
      <c r="V19" s="766">
        <v>999</v>
      </c>
      <c r="W19" s="755">
        <v>1201</v>
      </c>
      <c r="X19" s="766">
        <v>316</v>
      </c>
      <c r="Y19" s="766">
        <v>885</v>
      </c>
    </row>
    <row r="20" spans="1:25" ht="21" customHeight="1">
      <c r="A20" s="849" t="s">
        <v>530</v>
      </c>
      <c r="B20" s="766">
        <v>1639</v>
      </c>
      <c r="C20" s="763" t="s">
        <v>535</v>
      </c>
      <c r="D20" s="857"/>
      <c r="E20" s="765">
        <v>-706</v>
      </c>
      <c r="F20" s="765">
        <v>-121</v>
      </c>
      <c r="G20" s="766">
        <v>-585</v>
      </c>
      <c r="H20" s="766">
        <v>-712</v>
      </c>
      <c r="I20" s="765">
        <v>-121</v>
      </c>
      <c r="J20" s="771">
        <v>-591</v>
      </c>
      <c r="K20" s="767" t="s">
        <v>44</v>
      </c>
      <c r="L20" s="768" t="s">
        <v>44</v>
      </c>
      <c r="M20" s="768" t="s">
        <v>44</v>
      </c>
      <c r="N20" s="770">
        <v>712</v>
      </c>
      <c r="O20" s="766">
        <v>121</v>
      </c>
      <c r="P20" s="766">
        <v>591</v>
      </c>
      <c r="Q20" s="766">
        <v>6</v>
      </c>
      <c r="R20" s="765">
        <v>0</v>
      </c>
      <c r="S20" s="765">
        <v>6</v>
      </c>
      <c r="T20" s="755">
        <v>32</v>
      </c>
      <c r="U20" s="766">
        <v>1</v>
      </c>
      <c r="V20" s="766">
        <v>31</v>
      </c>
      <c r="W20" s="773">
        <v>26</v>
      </c>
      <c r="X20" s="766">
        <v>1</v>
      </c>
      <c r="Y20" s="766">
        <v>25</v>
      </c>
    </row>
    <row r="21" spans="1:25" ht="21" customHeight="1" thickBot="1">
      <c r="A21" s="858"/>
      <c r="B21" s="896">
        <v>22528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4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4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3740944</v>
      </c>
      <c r="C22" s="746" t="s">
        <v>214</v>
      </c>
      <c r="D22" s="849"/>
      <c r="E22" s="865">
        <v>7860</v>
      </c>
      <c r="F22" s="865">
        <v>2916</v>
      </c>
      <c r="G22" s="865">
        <v>4944</v>
      </c>
      <c r="H22" s="865">
        <v>-5596</v>
      </c>
      <c r="I22" s="865">
        <v>-3408</v>
      </c>
      <c r="J22" s="865">
        <v>-2188</v>
      </c>
      <c r="K22" s="865">
        <v>27891</v>
      </c>
      <c r="L22" s="865">
        <v>14351</v>
      </c>
      <c r="M22" s="897">
        <v>13540</v>
      </c>
      <c r="N22" s="1135">
        <v>33487</v>
      </c>
      <c r="O22" s="897">
        <v>17759</v>
      </c>
      <c r="P22" s="898">
        <v>15728</v>
      </c>
      <c r="Q22" s="865">
        <v>13456</v>
      </c>
      <c r="R22" s="897">
        <v>6324</v>
      </c>
      <c r="S22" s="899">
        <v>7132</v>
      </c>
      <c r="T22" s="898">
        <v>224449</v>
      </c>
      <c r="U22" s="897">
        <v>118694</v>
      </c>
      <c r="V22" s="898">
        <v>105755</v>
      </c>
      <c r="W22" s="865">
        <v>210993</v>
      </c>
      <c r="X22" s="897">
        <v>112370</v>
      </c>
      <c r="Y22" s="898">
        <v>98623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7"/>
      <c r="G23" s="767"/>
      <c r="H23" s="767"/>
      <c r="I23" s="767"/>
      <c r="J23" s="767"/>
      <c r="K23" s="767"/>
      <c r="L23" s="767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295762</v>
      </c>
      <c r="C24" s="746" t="s">
        <v>725</v>
      </c>
      <c r="D24" s="849"/>
      <c r="E24" s="879">
        <v>27620</v>
      </c>
      <c r="F24" s="879">
        <v>14076</v>
      </c>
      <c r="G24" s="879">
        <v>13544</v>
      </c>
      <c r="H24" s="879">
        <v>27815</v>
      </c>
      <c r="I24" s="879">
        <v>14308</v>
      </c>
      <c r="J24" s="879">
        <v>13507</v>
      </c>
      <c r="K24" s="879">
        <v>27891</v>
      </c>
      <c r="L24" s="879">
        <v>14351</v>
      </c>
      <c r="M24" s="880">
        <v>13540</v>
      </c>
      <c r="N24" s="1136">
        <v>76</v>
      </c>
      <c r="O24" s="879">
        <v>43</v>
      </c>
      <c r="P24" s="879">
        <v>33</v>
      </c>
      <c r="Q24" s="879">
        <v>-195</v>
      </c>
      <c r="R24" s="880">
        <v>-232</v>
      </c>
      <c r="S24" s="1136">
        <v>37</v>
      </c>
      <c r="T24" s="878">
        <v>18626</v>
      </c>
      <c r="U24" s="879">
        <v>9422</v>
      </c>
      <c r="V24" s="879">
        <v>9204</v>
      </c>
      <c r="W24" s="879">
        <v>18821</v>
      </c>
      <c r="X24" s="879">
        <v>9654</v>
      </c>
      <c r="Y24" s="879">
        <v>9167</v>
      </c>
    </row>
    <row r="25" spans="1:25" ht="21" customHeight="1">
      <c r="A25" s="849" t="s">
        <v>518</v>
      </c>
      <c r="B25" s="900">
        <v>328275</v>
      </c>
      <c r="C25" s="756" t="s">
        <v>290</v>
      </c>
      <c r="D25" s="849" t="s">
        <v>518</v>
      </c>
      <c r="E25" s="879">
        <v>3202</v>
      </c>
      <c r="F25" s="879">
        <v>1821</v>
      </c>
      <c r="G25" s="879">
        <v>1381</v>
      </c>
      <c r="H25" s="879">
        <v>-49</v>
      </c>
      <c r="I25" s="879">
        <v>-25</v>
      </c>
      <c r="J25" s="879">
        <v>-24</v>
      </c>
      <c r="K25" s="879" t="s">
        <v>44</v>
      </c>
      <c r="L25" s="879" t="s">
        <v>44</v>
      </c>
      <c r="M25" s="880" t="s">
        <v>44</v>
      </c>
      <c r="N25" s="1136">
        <v>49</v>
      </c>
      <c r="O25" s="879">
        <v>25</v>
      </c>
      <c r="P25" s="879">
        <v>24</v>
      </c>
      <c r="Q25" s="879">
        <v>3251</v>
      </c>
      <c r="R25" s="880">
        <v>1846</v>
      </c>
      <c r="S25" s="1136">
        <v>1405</v>
      </c>
      <c r="T25" s="878">
        <v>11799</v>
      </c>
      <c r="U25" s="879">
        <v>6286</v>
      </c>
      <c r="V25" s="879">
        <v>5513</v>
      </c>
      <c r="W25" s="879">
        <v>8548</v>
      </c>
      <c r="X25" s="879">
        <v>4440</v>
      </c>
      <c r="Y25" s="879">
        <v>4108</v>
      </c>
    </row>
    <row r="26" spans="1:25" ht="21" customHeight="1">
      <c r="A26" s="849" t="s">
        <v>520</v>
      </c>
      <c r="B26" s="900">
        <v>405068</v>
      </c>
      <c r="C26" s="756" t="s">
        <v>291</v>
      </c>
      <c r="D26" s="849" t="s">
        <v>520</v>
      </c>
      <c r="E26" s="879">
        <v>9491</v>
      </c>
      <c r="F26" s="879">
        <v>4772</v>
      </c>
      <c r="G26" s="879">
        <v>4719</v>
      </c>
      <c r="H26" s="879">
        <v>-116</v>
      </c>
      <c r="I26" s="879">
        <v>-77</v>
      </c>
      <c r="J26" s="879">
        <v>-39</v>
      </c>
      <c r="K26" s="879" t="s">
        <v>44</v>
      </c>
      <c r="L26" s="879" t="s">
        <v>44</v>
      </c>
      <c r="M26" s="880" t="s">
        <v>44</v>
      </c>
      <c r="N26" s="1136">
        <v>116</v>
      </c>
      <c r="O26" s="879">
        <v>77</v>
      </c>
      <c r="P26" s="879">
        <v>39</v>
      </c>
      <c r="Q26" s="879">
        <v>9607</v>
      </c>
      <c r="R26" s="880">
        <v>4849</v>
      </c>
      <c r="S26" s="1136">
        <v>4758</v>
      </c>
      <c r="T26" s="878">
        <v>79879</v>
      </c>
      <c r="U26" s="879">
        <v>41669</v>
      </c>
      <c r="V26" s="879">
        <v>38210</v>
      </c>
      <c r="W26" s="879">
        <v>70272</v>
      </c>
      <c r="X26" s="879">
        <v>36820</v>
      </c>
      <c r="Y26" s="879">
        <v>33452</v>
      </c>
    </row>
    <row r="27" spans="1:25" ht="21" customHeight="1">
      <c r="A27" s="856">
        <v>31</v>
      </c>
      <c r="B27" s="900">
        <v>451490</v>
      </c>
      <c r="C27" s="756" t="s">
        <v>292</v>
      </c>
      <c r="D27" s="856">
        <v>30</v>
      </c>
      <c r="E27" s="879">
        <v>1435</v>
      </c>
      <c r="F27" s="879">
        <v>627</v>
      </c>
      <c r="G27" s="879">
        <v>808</v>
      </c>
      <c r="H27" s="879">
        <v>-204</v>
      </c>
      <c r="I27" s="879">
        <v>-130</v>
      </c>
      <c r="J27" s="879">
        <v>-74</v>
      </c>
      <c r="K27" s="879" t="s">
        <v>44</v>
      </c>
      <c r="L27" s="879" t="s">
        <v>44</v>
      </c>
      <c r="M27" s="880" t="s">
        <v>44</v>
      </c>
      <c r="N27" s="1136">
        <v>204</v>
      </c>
      <c r="O27" s="879">
        <v>130</v>
      </c>
      <c r="P27" s="879">
        <v>74</v>
      </c>
      <c r="Q27" s="879">
        <v>1639</v>
      </c>
      <c r="R27" s="880">
        <v>757</v>
      </c>
      <c r="S27" s="1136">
        <v>882</v>
      </c>
      <c r="T27" s="878">
        <v>55381</v>
      </c>
      <c r="U27" s="879">
        <v>29754</v>
      </c>
      <c r="V27" s="879">
        <v>25627</v>
      </c>
      <c r="W27" s="879">
        <v>53742</v>
      </c>
      <c r="X27" s="879">
        <v>28997</v>
      </c>
      <c r="Y27" s="879">
        <v>24745</v>
      </c>
    </row>
    <row r="28" spans="1:25" ht="21" customHeight="1">
      <c r="A28" s="849" t="s">
        <v>148</v>
      </c>
      <c r="B28" s="901">
        <v>607934</v>
      </c>
      <c r="C28" s="763" t="s">
        <v>293</v>
      </c>
      <c r="D28" s="849" t="s">
        <v>148</v>
      </c>
      <c r="E28" s="885">
        <v>-303</v>
      </c>
      <c r="F28" s="885">
        <v>-369</v>
      </c>
      <c r="G28" s="885">
        <v>66</v>
      </c>
      <c r="H28" s="885">
        <v>-623</v>
      </c>
      <c r="I28" s="885">
        <v>-393</v>
      </c>
      <c r="J28" s="885">
        <v>-230</v>
      </c>
      <c r="K28" s="885" t="s">
        <v>44</v>
      </c>
      <c r="L28" s="885" t="s">
        <v>44</v>
      </c>
      <c r="M28" s="885" t="s">
        <v>44</v>
      </c>
      <c r="N28" s="1137">
        <v>623</v>
      </c>
      <c r="O28" s="883">
        <v>393</v>
      </c>
      <c r="P28" s="883">
        <v>230</v>
      </c>
      <c r="Q28" s="883">
        <v>320</v>
      </c>
      <c r="R28" s="885">
        <v>24</v>
      </c>
      <c r="S28" s="1137">
        <v>296</v>
      </c>
      <c r="T28" s="886">
        <v>26253</v>
      </c>
      <c r="U28" s="883">
        <v>14852</v>
      </c>
      <c r="V28" s="883">
        <v>11401</v>
      </c>
      <c r="W28" s="883">
        <v>25933</v>
      </c>
      <c r="X28" s="883">
        <v>14828</v>
      </c>
      <c r="Y28" s="883">
        <v>11105</v>
      </c>
    </row>
    <row r="29" spans="1:25" ht="21" customHeight="1">
      <c r="A29" s="856" t="s">
        <v>533</v>
      </c>
      <c r="B29" s="900">
        <v>519043</v>
      </c>
      <c r="C29" s="756" t="s">
        <v>294</v>
      </c>
      <c r="D29" s="849" t="s">
        <v>534</v>
      </c>
      <c r="E29" s="879">
        <v>-1625</v>
      </c>
      <c r="F29" s="879">
        <v>-937</v>
      </c>
      <c r="G29" s="879">
        <v>-688</v>
      </c>
      <c r="H29" s="879">
        <v>-1338</v>
      </c>
      <c r="I29" s="879">
        <v>-854</v>
      </c>
      <c r="J29" s="879">
        <v>-484</v>
      </c>
      <c r="K29" s="879" t="s">
        <v>44</v>
      </c>
      <c r="L29" s="879" t="s">
        <v>44</v>
      </c>
      <c r="M29" s="880" t="s">
        <v>44</v>
      </c>
      <c r="N29" s="1136">
        <v>1338</v>
      </c>
      <c r="O29" s="879">
        <v>854</v>
      </c>
      <c r="P29" s="879">
        <v>484</v>
      </c>
      <c r="Q29" s="879">
        <v>-287</v>
      </c>
      <c r="R29" s="880">
        <v>-83</v>
      </c>
      <c r="S29" s="1136">
        <v>-204</v>
      </c>
      <c r="T29" s="878">
        <v>14413</v>
      </c>
      <c r="U29" s="879">
        <v>8377</v>
      </c>
      <c r="V29" s="879">
        <v>6036</v>
      </c>
      <c r="W29" s="879">
        <v>14700</v>
      </c>
      <c r="X29" s="879">
        <v>8460</v>
      </c>
      <c r="Y29" s="879">
        <v>6240</v>
      </c>
    </row>
    <row r="30" spans="1:25" ht="21" customHeight="1">
      <c r="A30" s="849" t="s">
        <v>523</v>
      </c>
      <c r="B30" s="900">
        <v>428878</v>
      </c>
      <c r="C30" s="756" t="s">
        <v>295</v>
      </c>
      <c r="D30" s="849"/>
      <c r="E30" s="879">
        <v>-4139</v>
      </c>
      <c r="F30" s="879">
        <v>-2793</v>
      </c>
      <c r="G30" s="879">
        <v>-1346</v>
      </c>
      <c r="H30" s="879">
        <v>-3080</v>
      </c>
      <c r="I30" s="879">
        <v>-2100</v>
      </c>
      <c r="J30" s="879">
        <v>-980</v>
      </c>
      <c r="K30" s="879" t="s">
        <v>44</v>
      </c>
      <c r="L30" s="879" t="s">
        <v>44</v>
      </c>
      <c r="M30" s="880" t="s">
        <v>44</v>
      </c>
      <c r="N30" s="1136">
        <v>3080</v>
      </c>
      <c r="O30" s="879">
        <v>2100</v>
      </c>
      <c r="P30" s="879">
        <v>980</v>
      </c>
      <c r="Q30" s="879">
        <v>-1059</v>
      </c>
      <c r="R30" s="880">
        <v>-693</v>
      </c>
      <c r="S30" s="1136">
        <v>-366</v>
      </c>
      <c r="T30" s="878">
        <v>7636</v>
      </c>
      <c r="U30" s="879">
        <v>4315</v>
      </c>
      <c r="V30" s="879">
        <v>3321</v>
      </c>
      <c r="W30" s="879">
        <v>8695</v>
      </c>
      <c r="X30" s="879">
        <v>5008</v>
      </c>
      <c r="Y30" s="879">
        <v>3687</v>
      </c>
    </row>
    <row r="31" spans="1:25" ht="21" customHeight="1">
      <c r="A31" s="856" t="s">
        <v>533</v>
      </c>
      <c r="B31" s="900">
        <v>409217</v>
      </c>
      <c r="C31" s="756" t="s">
        <v>296</v>
      </c>
      <c r="D31" s="849"/>
      <c r="E31" s="879">
        <v>-7231</v>
      </c>
      <c r="F31" s="879">
        <v>-4840</v>
      </c>
      <c r="G31" s="879">
        <v>-2391</v>
      </c>
      <c r="H31" s="879">
        <v>-7147</v>
      </c>
      <c r="I31" s="879">
        <v>-4698</v>
      </c>
      <c r="J31" s="879">
        <v>-2449</v>
      </c>
      <c r="K31" s="879" t="s">
        <v>44</v>
      </c>
      <c r="L31" s="879" t="s">
        <v>44</v>
      </c>
      <c r="M31" s="880" t="s">
        <v>44</v>
      </c>
      <c r="N31" s="1136">
        <v>7147</v>
      </c>
      <c r="O31" s="879">
        <v>4698</v>
      </c>
      <c r="P31" s="879">
        <v>2449</v>
      </c>
      <c r="Q31" s="879">
        <v>-84</v>
      </c>
      <c r="R31" s="880">
        <v>-142</v>
      </c>
      <c r="S31" s="1136">
        <v>58</v>
      </c>
      <c r="T31" s="878">
        <v>5266</v>
      </c>
      <c r="U31" s="879">
        <v>2482</v>
      </c>
      <c r="V31" s="879">
        <v>2784</v>
      </c>
      <c r="W31" s="879">
        <v>5350</v>
      </c>
      <c r="X31" s="879">
        <v>2624</v>
      </c>
      <c r="Y31" s="879">
        <v>2726</v>
      </c>
    </row>
    <row r="32" spans="1:25" ht="21" customHeight="1">
      <c r="A32" s="849" t="s">
        <v>526</v>
      </c>
      <c r="B32" s="900">
        <v>223697</v>
      </c>
      <c r="C32" s="756" t="s">
        <v>297</v>
      </c>
      <c r="D32" s="849"/>
      <c r="E32" s="879">
        <v>-11922</v>
      </c>
      <c r="F32" s="879">
        <v>-6548</v>
      </c>
      <c r="G32" s="879">
        <v>-5374</v>
      </c>
      <c r="H32" s="879">
        <v>-12110</v>
      </c>
      <c r="I32" s="879">
        <v>-6540</v>
      </c>
      <c r="J32" s="879">
        <v>-5570</v>
      </c>
      <c r="K32" s="879" t="s">
        <v>44</v>
      </c>
      <c r="L32" s="879" t="s">
        <v>44</v>
      </c>
      <c r="M32" s="880" t="s">
        <v>44</v>
      </c>
      <c r="N32" s="1136">
        <v>12110</v>
      </c>
      <c r="O32" s="879">
        <v>6540</v>
      </c>
      <c r="P32" s="879">
        <v>5570</v>
      </c>
      <c r="Q32" s="879">
        <v>188</v>
      </c>
      <c r="R32" s="880">
        <v>-8</v>
      </c>
      <c r="S32" s="1136">
        <v>196</v>
      </c>
      <c r="T32" s="878">
        <v>3936</v>
      </c>
      <c r="U32" s="879">
        <v>1237</v>
      </c>
      <c r="V32" s="879">
        <v>2699</v>
      </c>
      <c r="W32" s="879">
        <v>3748</v>
      </c>
      <c r="X32" s="879">
        <v>1245</v>
      </c>
      <c r="Y32" s="879">
        <v>2503</v>
      </c>
    </row>
    <row r="33" spans="1:25" ht="21" customHeight="1">
      <c r="A33" s="849" t="s">
        <v>528</v>
      </c>
      <c r="B33" s="901">
        <v>47507</v>
      </c>
      <c r="C33" s="763" t="s">
        <v>298</v>
      </c>
      <c r="D33" s="857"/>
      <c r="E33" s="885">
        <v>-7938</v>
      </c>
      <c r="F33" s="885">
        <v>-2791</v>
      </c>
      <c r="G33" s="885">
        <v>-5147</v>
      </c>
      <c r="H33" s="885">
        <v>-8015</v>
      </c>
      <c r="I33" s="885">
        <v>-2801</v>
      </c>
      <c r="J33" s="885">
        <v>-5214</v>
      </c>
      <c r="K33" s="885" t="s">
        <v>44</v>
      </c>
      <c r="L33" s="885" t="s">
        <v>44</v>
      </c>
      <c r="M33" s="885" t="s">
        <v>44</v>
      </c>
      <c r="N33" s="1137">
        <v>8015</v>
      </c>
      <c r="O33" s="883">
        <v>2801</v>
      </c>
      <c r="P33" s="883">
        <v>5214</v>
      </c>
      <c r="Q33" s="883">
        <v>77</v>
      </c>
      <c r="R33" s="885">
        <v>10</v>
      </c>
      <c r="S33" s="1137">
        <v>67</v>
      </c>
      <c r="T33" s="886">
        <v>1231</v>
      </c>
      <c r="U33" s="883">
        <v>296</v>
      </c>
      <c r="V33" s="883">
        <v>935</v>
      </c>
      <c r="W33" s="883">
        <v>1154</v>
      </c>
      <c r="X33" s="883">
        <v>286</v>
      </c>
      <c r="Y33" s="883">
        <v>868</v>
      </c>
    </row>
    <row r="34" spans="1:25" ht="21" customHeight="1">
      <c r="A34" s="849" t="s">
        <v>530</v>
      </c>
      <c r="B34" s="901">
        <v>1545</v>
      </c>
      <c r="C34" s="763" t="s">
        <v>535</v>
      </c>
      <c r="D34" s="857"/>
      <c r="E34" s="891">
        <v>-730</v>
      </c>
      <c r="F34" s="891">
        <v>-102</v>
      </c>
      <c r="G34" s="891">
        <v>-628</v>
      </c>
      <c r="H34" s="891">
        <v>-729</v>
      </c>
      <c r="I34" s="891">
        <v>-98</v>
      </c>
      <c r="J34" s="891">
        <v>-631</v>
      </c>
      <c r="K34" s="891" t="s">
        <v>44</v>
      </c>
      <c r="L34" s="891" t="s">
        <v>44</v>
      </c>
      <c r="M34" s="891" t="s">
        <v>44</v>
      </c>
      <c r="N34" s="1137">
        <v>729</v>
      </c>
      <c r="O34" s="883">
        <v>98</v>
      </c>
      <c r="P34" s="883">
        <v>631</v>
      </c>
      <c r="Q34" s="883">
        <v>-1</v>
      </c>
      <c r="R34" s="885">
        <v>-4</v>
      </c>
      <c r="S34" s="885">
        <v>3</v>
      </c>
      <c r="T34" s="886">
        <v>29</v>
      </c>
      <c r="U34" s="883">
        <v>4</v>
      </c>
      <c r="V34" s="883">
        <v>25</v>
      </c>
      <c r="W34" s="883">
        <v>30</v>
      </c>
      <c r="X34" s="883">
        <v>8</v>
      </c>
      <c r="Y34" s="883">
        <v>22</v>
      </c>
    </row>
    <row r="35" spans="1:25" ht="21" customHeight="1" thickBot="1">
      <c r="A35" s="857"/>
      <c r="B35" s="900">
        <v>22528</v>
      </c>
      <c r="C35" s="746" t="s">
        <v>128</v>
      </c>
      <c r="D35" s="857"/>
      <c r="E35" s="761" t="s">
        <v>44</v>
      </c>
      <c r="F35" s="761" t="s">
        <v>44</v>
      </c>
      <c r="G35" s="761" t="s">
        <v>44</v>
      </c>
      <c r="H35" s="761" t="s">
        <v>44</v>
      </c>
      <c r="I35" s="761" t="s">
        <v>44</v>
      </c>
      <c r="J35" s="761" t="s">
        <v>44</v>
      </c>
      <c r="K35" s="761" t="s">
        <v>44</v>
      </c>
      <c r="L35" s="761" t="s">
        <v>44</v>
      </c>
      <c r="M35" s="762" t="s">
        <v>44</v>
      </c>
      <c r="N35" s="863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8985</v>
      </c>
      <c r="C36" s="873" t="s">
        <v>214</v>
      </c>
      <c r="D36" s="871" t="s">
        <v>724</v>
      </c>
      <c r="E36" s="874">
        <v>1125</v>
      </c>
      <c r="F36" s="874">
        <v>950</v>
      </c>
      <c r="G36" s="874">
        <v>175</v>
      </c>
      <c r="H36" s="874">
        <v>-1604</v>
      </c>
      <c r="I36" s="874">
        <v>-998</v>
      </c>
      <c r="J36" s="874">
        <v>-606</v>
      </c>
      <c r="K36" s="874">
        <v>-1497</v>
      </c>
      <c r="L36" s="874">
        <v>-829</v>
      </c>
      <c r="M36" s="875">
        <v>-668</v>
      </c>
      <c r="N36" s="1135">
        <v>107</v>
      </c>
      <c r="O36" s="875">
        <v>169</v>
      </c>
      <c r="P36" s="875">
        <v>-62</v>
      </c>
      <c r="Q36" s="875">
        <v>2729</v>
      </c>
      <c r="R36" s="875">
        <v>1948</v>
      </c>
      <c r="S36" s="875">
        <v>781</v>
      </c>
      <c r="T36" s="875">
        <v>2434</v>
      </c>
      <c r="U36" s="875">
        <v>1761</v>
      </c>
      <c r="V36" s="875">
        <v>673</v>
      </c>
      <c r="W36" s="875">
        <v>-295</v>
      </c>
      <c r="X36" s="875">
        <v>-187</v>
      </c>
      <c r="Y36" s="872">
        <v>-108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4715</v>
      </c>
      <c r="C38" s="746" t="s">
        <v>725</v>
      </c>
      <c r="D38" s="876" t="s">
        <v>732</v>
      </c>
      <c r="E38" s="879">
        <v>-1363</v>
      </c>
      <c r="F38" s="879">
        <v>-593</v>
      </c>
      <c r="G38" s="879">
        <v>-770</v>
      </c>
      <c r="H38" s="879">
        <v>-1491</v>
      </c>
      <c r="I38" s="879">
        <v>-820</v>
      </c>
      <c r="J38" s="879">
        <v>-671</v>
      </c>
      <c r="K38" s="879">
        <v>-1497</v>
      </c>
      <c r="L38" s="879">
        <v>-829</v>
      </c>
      <c r="M38" s="880">
        <v>-668</v>
      </c>
      <c r="N38" s="1136">
        <v>-6</v>
      </c>
      <c r="O38" s="880">
        <v>-9</v>
      </c>
      <c r="P38" s="880">
        <v>3</v>
      </c>
      <c r="Q38" s="880">
        <v>128</v>
      </c>
      <c r="R38" s="880">
        <v>227</v>
      </c>
      <c r="S38" s="880">
        <v>-99</v>
      </c>
      <c r="T38" s="880">
        <v>-626</v>
      </c>
      <c r="U38" s="880">
        <v>-117</v>
      </c>
      <c r="V38" s="880">
        <v>-509</v>
      </c>
      <c r="W38" s="880">
        <v>-754</v>
      </c>
      <c r="X38" s="880">
        <v>-344</v>
      </c>
      <c r="Y38" s="878">
        <v>-410</v>
      </c>
    </row>
    <row r="39" spans="1:25" ht="21" customHeight="1">
      <c r="A39" s="849"/>
      <c r="B39" s="878">
        <v>-2562</v>
      </c>
      <c r="C39" s="756" t="s">
        <v>290</v>
      </c>
      <c r="D39" s="856" t="s">
        <v>518</v>
      </c>
      <c r="E39" s="879">
        <v>-45</v>
      </c>
      <c r="F39" s="879">
        <v>-204</v>
      </c>
      <c r="G39" s="879">
        <v>159</v>
      </c>
      <c r="H39" s="879">
        <v>12</v>
      </c>
      <c r="I39" s="879">
        <v>4</v>
      </c>
      <c r="J39" s="879">
        <v>8</v>
      </c>
      <c r="K39" s="761" t="s">
        <v>44</v>
      </c>
      <c r="L39" s="761" t="s">
        <v>44</v>
      </c>
      <c r="M39" s="762" t="s">
        <v>44</v>
      </c>
      <c r="N39" s="1136">
        <v>-12</v>
      </c>
      <c r="O39" s="880">
        <v>-4</v>
      </c>
      <c r="P39" s="880">
        <v>-8</v>
      </c>
      <c r="Q39" s="880">
        <v>-57</v>
      </c>
      <c r="R39" s="880">
        <v>-208</v>
      </c>
      <c r="S39" s="880">
        <v>151</v>
      </c>
      <c r="T39" s="880">
        <v>82</v>
      </c>
      <c r="U39" s="880">
        <v>-259</v>
      </c>
      <c r="V39" s="880">
        <v>341</v>
      </c>
      <c r="W39" s="880">
        <v>139</v>
      </c>
      <c r="X39" s="880">
        <v>-51</v>
      </c>
      <c r="Y39" s="878">
        <v>190</v>
      </c>
    </row>
    <row r="40" spans="1:25" ht="21" customHeight="1">
      <c r="A40" s="881" t="s">
        <v>518</v>
      </c>
      <c r="B40" s="878">
        <v>9477</v>
      </c>
      <c r="C40" s="756" t="s">
        <v>291</v>
      </c>
      <c r="D40" s="849" t="s">
        <v>520</v>
      </c>
      <c r="E40" s="879">
        <v>1985</v>
      </c>
      <c r="F40" s="879">
        <v>1545</v>
      </c>
      <c r="G40" s="879">
        <v>440</v>
      </c>
      <c r="H40" s="879">
        <v>-13</v>
      </c>
      <c r="I40" s="879">
        <v>-7</v>
      </c>
      <c r="J40" s="879">
        <v>-6</v>
      </c>
      <c r="K40" s="761" t="s">
        <v>44</v>
      </c>
      <c r="L40" s="761" t="s">
        <v>44</v>
      </c>
      <c r="M40" s="762" t="s">
        <v>44</v>
      </c>
      <c r="N40" s="1136">
        <v>13</v>
      </c>
      <c r="O40" s="880">
        <v>7</v>
      </c>
      <c r="P40" s="880">
        <v>6</v>
      </c>
      <c r="Q40" s="880">
        <v>1998</v>
      </c>
      <c r="R40" s="880">
        <v>1552</v>
      </c>
      <c r="S40" s="880">
        <v>446</v>
      </c>
      <c r="T40" s="880">
        <v>4036</v>
      </c>
      <c r="U40" s="880">
        <v>2571</v>
      </c>
      <c r="V40" s="880">
        <v>1465</v>
      </c>
      <c r="W40" s="880">
        <v>2038</v>
      </c>
      <c r="X40" s="880">
        <v>1019</v>
      </c>
      <c r="Y40" s="878">
        <v>1019</v>
      </c>
    </row>
    <row r="41" spans="1:25" ht="21" customHeight="1">
      <c r="A41" s="881" t="s">
        <v>520</v>
      </c>
      <c r="B41" s="878">
        <v>-10370</v>
      </c>
      <c r="C41" s="756" t="s">
        <v>292</v>
      </c>
      <c r="D41" s="849">
        <v>30</v>
      </c>
      <c r="E41" s="879">
        <v>-394</v>
      </c>
      <c r="F41" s="879">
        <v>-137</v>
      </c>
      <c r="G41" s="879">
        <v>-257</v>
      </c>
      <c r="H41" s="879">
        <v>5</v>
      </c>
      <c r="I41" s="879">
        <v>-1</v>
      </c>
      <c r="J41" s="879">
        <v>6</v>
      </c>
      <c r="K41" s="761" t="s">
        <v>44</v>
      </c>
      <c r="L41" s="761" t="s">
        <v>44</v>
      </c>
      <c r="M41" s="762" t="s">
        <v>44</v>
      </c>
      <c r="N41" s="1136">
        <v>-5</v>
      </c>
      <c r="O41" s="880">
        <v>1</v>
      </c>
      <c r="P41" s="880">
        <v>-6</v>
      </c>
      <c r="Q41" s="880">
        <v>-399</v>
      </c>
      <c r="R41" s="880">
        <v>-136</v>
      </c>
      <c r="S41" s="880">
        <v>-263</v>
      </c>
      <c r="T41" s="880">
        <v>-1308</v>
      </c>
      <c r="U41" s="880">
        <v>-530</v>
      </c>
      <c r="V41" s="880">
        <v>-778</v>
      </c>
      <c r="W41" s="880">
        <v>-909</v>
      </c>
      <c r="X41" s="880">
        <v>-394</v>
      </c>
      <c r="Y41" s="878">
        <v>-515</v>
      </c>
    </row>
    <row r="42" spans="1:25" ht="21" customHeight="1">
      <c r="A42" s="882">
        <v>31</v>
      </c>
      <c r="B42" s="883">
        <v>-13707</v>
      </c>
      <c r="C42" s="763" t="s">
        <v>293</v>
      </c>
      <c r="D42" s="884" t="s">
        <v>734</v>
      </c>
      <c r="E42" s="883">
        <v>342</v>
      </c>
      <c r="F42" s="883">
        <v>252</v>
      </c>
      <c r="G42" s="883">
        <v>90</v>
      </c>
      <c r="H42" s="883">
        <v>47</v>
      </c>
      <c r="I42" s="883">
        <v>60</v>
      </c>
      <c r="J42" s="885">
        <v>-13</v>
      </c>
      <c r="K42" s="761" t="s">
        <v>44</v>
      </c>
      <c r="L42" s="761" t="s">
        <v>44</v>
      </c>
      <c r="M42" s="762" t="s">
        <v>44</v>
      </c>
      <c r="N42" s="1137">
        <v>-47</v>
      </c>
      <c r="O42" s="885">
        <v>-60</v>
      </c>
      <c r="P42" s="885">
        <v>13</v>
      </c>
      <c r="Q42" s="885">
        <v>295</v>
      </c>
      <c r="R42" s="885">
        <v>192</v>
      </c>
      <c r="S42" s="885">
        <v>103</v>
      </c>
      <c r="T42" s="885">
        <v>-399</v>
      </c>
      <c r="U42" s="885">
        <v>-147</v>
      </c>
      <c r="V42" s="885">
        <v>-252</v>
      </c>
      <c r="W42" s="885">
        <v>-694</v>
      </c>
      <c r="X42" s="885">
        <v>-339</v>
      </c>
      <c r="Y42" s="886">
        <v>-355</v>
      </c>
    </row>
    <row r="43" spans="1:25" ht="21" customHeight="1">
      <c r="A43" s="887" t="s">
        <v>734</v>
      </c>
      <c r="B43" s="878">
        <v>19942</v>
      </c>
      <c r="C43" s="756" t="s">
        <v>294</v>
      </c>
      <c r="D43" s="888" t="s">
        <v>735</v>
      </c>
      <c r="E43" s="879">
        <v>35</v>
      </c>
      <c r="F43" s="879">
        <v>-66</v>
      </c>
      <c r="G43" s="879">
        <v>101</v>
      </c>
      <c r="H43" s="879">
        <v>-25</v>
      </c>
      <c r="I43" s="879">
        <v>-50</v>
      </c>
      <c r="J43" s="879">
        <v>25</v>
      </c>
      <c r="K43" s="889" t="s">
        <v>44</v>
      </c>
      <c r="L43" s="889" t="s">
        <v>44</v>
      </c>
      <c r="M43" s="870" t="s">
        <v>44</v>
      </c>
      <c r="N43" s="1136">
        <v>25</v>
      </c>
      <c r="O43" s="880">
        <v>50</v>
      </c>
      <c r="P43" s="880">
        <v>-25</v>
      </c>
      <c r="Q43" s="880">
        <v>60</v>
      </c>
      <c r="R43" s="880">
        <v>-16</v>
      </c>
      <c r="S43" s="880">
        <v>76</v>
      </c>
      <c r="T43" s="880">
        <v>379</v>
      </c>
      <c r="U43" s="880">
        <v>149</v>
      </c>
      <c r="V43" s="880">
        <v>230</v>
      </c>
      <c r="W43" s="880">
        <v>319</v>
      </c>
      <c r="X43" s="880">
        <v>165</v>
      </c>
      <c r="Y43" s="878">
        <v>154</v>
      </c>
    </row>
    <row r="44" spans="1:25" ht="21" customHeight="1">
      <c r="A44" s="881" t="s">
        <v>219</v>
      </c>
      <c r="B44" s="878">
        <v>-16469</v>
      </c>
      <c r="C44" s="756" t="s">
        <v>295</v>
      </c>
      <c r="D44" s="888" t="s">
        <v>736</v>
      </c>
      <c r="E44" s="879">
        <v>486</v>
      </c>
      <c r="F44" s="879">
        <v>312</v>
      </c>
      <c r="G44" s="879">
        <v>174</v>
      </c>
      <c r="H44" s="879">
        <v>277</v>
      </c>
      <c r="I44" s="879">
        <v>143</v>
      </c>
      <c r="J44" s="879">
        <v>134</v>
      </c>
      <c r="K44" s="761" t="s">
        <v>44</v>
      </c>
      <c r="L44" s="761" t="s">
        <v>44</v>
      </c>
      <c r="M44" s="762" t="s">
        <v>44</v>
      </c>
      <c r="N44" s="1136">
        <v>-277</v>
      </c>
      <c r="O44" s="880">
        <v>-143</v>
      </c>
      <c r="P44" s="880">
        <v>-134</v>
      </c>
      <c r="Q44" s="880">
        <v>209</v>
      </c>
      <c r="R44" s="880">
        <v>169</v>
      </c>
      <c r="S44" s="880">
        <v>40</v>
      </c>
      <c r="T44" s="880">
        <v>-84</v>
      </c>
      <c r="U44" s="880">
        <v>-12</v>
      </c>
      <c r="V44" s="880">
        <v>-72</v>
      </c>
      <c r="W44" s="880">
        <v>-293</v>
      </c>
      <c r="X44" s="880">
        <v>-181</v>
      </c>
      <c r="Y44" s="878">
        <v>-112</v>
      </c>
    </row>
    <row r="45" spans="1:25" ht="21" customHeight="1">
      <c r="A45" s="882" t="s">
        <v>755</v>
      </c>
      <c r="B45" s="878">
        <v>16711</v>
      </c>
      <c r="C45" s="756" t="s">
        <v>296</v>
      </c>
      <c r="D45" s="888" t="s">
        <v>738</v>
      </c>
      <c r="E45" s="879">
        <v>163</v>
      </c>
      <c r="F45" s="879">
        <v>18</v>
      </c>
      <c r="G45" s="879">
        <v>145</v>
      </c>
      <c r="H45" s="879">
        <v>19</v>
      </c>
      <c r="I45" s="879">
        <v>-14</v>
      </c>
      <c r="J45" s="879">
        <v>33</v>
      </c>
      <c r="K45" s="761" t="s">
        <v>44</v>
      </c>
      <c r="L45" s="761" t="s">
        <v>44</v>
      </c>
      <c r="M45" s="762" t="s">
        <v>44</v>
      </c>
      <c r="N45" s="1136">
        <v>-19</v>
      </c>
      <c r="O45" s="880">
        <v>14</v>
      </c>
      <c r="P45" s="880">
        <v>-33</v>
      </c>
      <c r="Q45" s="880">
        <v>144</v>
      </c>
      <c r="R45" s="880">
        <v>32</v>
      </c>
      <c r="S45" s="880">
        <v>112</v>
      </c>
      <c r="T45" s="880">
        <v>178</v>
      </c>
      <c r="U45" s="880">
        <v>-5</v>
      </c>
      <c r="V45" s="880">
        <v>183</v>
      </c>
      <c r="W45" s="880">
        <v>34</v>
      </c>
      <c r="X45" s="880">
        <v>-37</v>
      </c>
      <c r="Y45" s="878">
        <v>71</v>
      </c>
    </row>
    <row r="46" spans="1:25" ht="21" customHeight="1">
      <c r="A46" s="882">
        <v>2</v>
      </c>
      <c r="B46" s="878">
        <v>7147</v>
      </c>
      <c r="C46" s="756" t="s">
        <v>297</v>
      </c>
      <c r="D46" s="888" t="s">
        <v>760</v>
      </c>
      <c r="E46" s="879">
        <v>198</v>
      </c>
      <c r="F46" s="879">
        <v>-30</v>
      </c>
      <c r="G46" s="879">
        <v>228</v>
      </c>
      <c r="H46" s="879">
        <v>-89</v>
      </c>
      <c r="I46" s="879">
        <v>-152</v>
      </c>
      <c r="J46" s="879">
        <v>63</v>
      </c>
      <c r="K46" s="761" t="s">
        <v>44</v>
      </c>
      <c r="L46" s="761" t="s">
        <v>44</v>
      </c>
      <c r="M46" s="762" t="s">
        <v>44</v>
      </c>
      <c r="N46" s="1136">
        <v>89</v>
      </c>
      <c r="O46" s="880">
        <v>152</v>
      </c>
      <c r="P46" s="880">
        <v>-63</v>
      </c>
      <c r="Q46" s="880">
        <v>287</v>
      </c>
      <c r="R46" s="880">
        <v>122</v>
      </c>
      <c r="S46" s="880">
        <v>165</v>
      </c>
      <c r="T46" s="880">
        <v>69</v>
      </c>
      <c r="U46" s="880">
        <v>74</v>
      </c>
      <c r="V46" s="880">
        <v>-5</v>
      </c>
      <c r="W46" s="880">
        <v>-218</v>
      </c>
      <c r="X46" s="880">
        <v>-48</v>
      </c>
      <c r="Y46" s="878">
        <v>-170</v>
      </c>
    </row>
    <row r="47" spans="1:25" ht="21" customHeight="1">
      <c r="A47" s="881" t="s">
        <v>148</v>
      </c>
      <c r="B47" s="883">
        <v>3437</v>
      </c>
      <c r="C47" s="763" t="s">
        <v>298</v>
      </c>
      <c r="D47" s="888" t="s">
        <v>761</v>
      </c>
      <c r="E47" s="883">
        <v>-306</v>
      </c>
      <c r="F47" s="883">
        <v>-128</v>
      </c>
      <c r="G47" s="883">
        <v>-178</v>
      </c>
      <c r="H47" s="883">
        <v>-363</v>
      </c>
      <c r="I47" s="883">
        <v>-138</v>
      </c>
      <c r="J47" s="885">
        <v>-225</v>
      </c>
      <c r="K47" s="767" t="s">
        <v>44</v>
      </c>
      <c r="L47" s="767" t="s">
        <v>44</v>
      </c>
      <c r="M47" s="768" t="s">
        <v>44</v>
      </c>
      <c r="N47" s="1137">
        <v>363</v>
      </c>
      <c r="O47" s="885">
        <v>138</v>
      </c>
      <c r="P47" s="885">
        <v>225</v>
      </c>
      <c r="Q47" s="885">
        <v>57</v>
      </c>
      <c r="R47" s="885">
        <v>10</v>
      </c>
      <c r="S47" s="885">
        <v>47</v>
      </c>
      <c r="T47" s="885">
        <v>104</v>
      </c>
      <c r="U47" s="885">
        <v>40</v>
      </c>
      <c r="V47" s="885">
        <v>64</v>
      </c>
      <c r="W47" s="885">
        <v>47</v>
      </c>
      <c r="X47" s="885">
        <v>30</v>
      </c>
      <c r="Y47" s="886">
        <v>17</v>
      </c>
    </row>
    <row r="48" spans="1:25" ht="21" customHeight="1">
      <c r="A48" s="881" t="s">
        <v>741</v>
      </c>
      <c r="B48" s="883">
        <v>94</v>
      </c>
      <c r="C48" s="763" t="s">
        <v>535</v>
      </c>
      <c r="D48" s="888" t="s">
        <v>741</v>
      </c>
      <c r="E48" s="890">
        <v>24</v>
      </c>
      <c r="F48" s="890">
        <v>-19</v>
      </c>
      <c r="G48" s="890">
        <v>43</v>
      </c>
      <c r="H48" s="890">
        <v>17</v>
      </c>
      <c r="I48" s="890">
        <v>-23</v>
      </c>
      <c r="J48" s="891">
        <v>40</v>
      </c>
      <c r="K48" s="775" t="s">
        <v>44</v>
      </c>
      <c r="L48" s="775" t="s">
        <v>44</v>
      </c>
      <c r="M48" s="776" t="s">
        <v>44</v>
      </c>
      <c r="N48" s="1138">
        <v>-17</v>
      </c>
      <c r="O48" s="891">
        <v>23</v>
      </c>
      <c r="P48" s="891">
        <v>-40</v>
      </c>
      <c r="Q48" s="891">
        <v>7</v>
      </c>
      <c r="R48" s="891">
        <v>4</v>
      </c>
      <c r="S48" s="891">
        <v>3</v>
      </c>
      <c r="T48" s="891">
        <v>3</v>
      </c>
      <c r="U48" s="891">
        <v>-3</v>
      </c>
      <c r="V48" s="891">
        <v>6</v>
      </c>
      <c r="W48" s="891">
        <v>-4</v>
      </c>
      <c r="X48" s="891">
        <v>-7</v>
      </c>
      <c r="Y48" s="892">
        <v>3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38" t="s">
        <v>44</v>
      </c>
      <c r="Q49" s="864" t="s">
        <v>44</v>
      </c>
      <c r="R49" s="838" t="s">
        <v>44</v>
      </c>
      <c r="S49" s="863" t="s">
        <v>44</v>
      </c>
      <c r="T49" s="864" t="s">
        <v>44</v>
      </c>
      <c r="U49" s="838" t="s">
        <v>44</v>
      </c>
      <c r="V49" s="838" t="s">
        <v>44</v>
      </c>
      <c r="W49" s="864" t="s">
        <v>44</v>
      </c>
      <c r="X49" s="838" t="s">
        <v>44</v>
      </c>
      <c r="Y49" s="861" t="s">
        <v>44</v>
      </c>
    </row>
    <row r="50" spans="1:25" ht="15" thickTop="1">
      <c r="A50" s="207" t="s">
        <v>762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744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40-</oddFooter>
    <evenFooter>&amp;C&amp;"ＭＳ ゴシック,太字"&amp;10-41-</even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763</v>
      </c>
      <c r="C1" s="353"/>
      <c r="D1" s="353"/>
      <c r="E1" s="353"/>
      <c r="F1" s="353"/>
      <c r="G1" s="353"/>
      <c r="S1" s="353" t="s">
        <v>764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65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596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766</v>
      </c>
      <c r="L4" s="1321"/>
      <c r="M4" s="1322"/>
      <c r="N4" s="731"/>
      <c r="O4" s="729" t="s">
        <v>597</v>
      </c>
      <c r="P4" s="731"/>
      <c r="Q4" s="1316" t="s">
        <v>464</v>
      </c>
      <c r="R4" s="1317"/>
      <c r="S4" s="1318"/>
      <c r="T4" s="1320" t="s">
        <v>748</v>
      </c>
      <c r="U4" s="1321"/>
      <c r="V4" s="1322"/>
      <c r="W4" s="1320" t="s">
        <v>767</v>
      </c>
      <c r="X4" s="1321"/>
      <c r="Y4" s="1321"/>
    </row>
    <row r="5" spans="1:25" ht="21" customHeight="1">
      <c r="A5" s="731"/>
      <c r="B5" s="731"/>
      <c r="C5" s="1319"/>
      <c r="D5" s="1316" t="s">
        <v>750</v>
      </c>
      <c r="E5" s="1317"/>
      <c r="F5" s="1317"/>
      <c r="G5" s="1318"/>
      <c r="H5" s="1323" t="s">
        <v>549</v>
      </c>
      <c r="I5" s="1324"/>
      <c r="J5" s="1325"/>
      <c r="K5" s="1323" t="s">
        <v>768</v>
      </c>
      <c r="L5" s="1324"/>
      <c r="M5" s="1325"/>
      <c r="N5" s="846"/>
      <c r="O5" s="737" t="s">
        <v>551</v>
      </c>
      <c r="P5" s="846"/>
      <c r="Q5" s="1323" t="s">
        <v>694</v>
      </c>
      <c r="R5" s="1324"/>
      <c r="S5" s="1325"/>
      <c r="T5" s="1323" t="s">
        <v>769</v>
      </c>
      <c r="U5" s="1324"/>
      <c r="V5" s="1325"/>
      <c r="W5" s="1323" t="s">
        <v>770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849" t="s">
        <v>771</v>
      </c>
      <c r="N6" s="729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853" t="s">
        <v>212</v>
      </c>
      <c r="N7" s="191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1531646</v>
      </c>
      <c r="C8" s="746" t="s">
        <v>214</v>
      </c>
      <c r="D8" s="854"/>
      <c r="E8" s="745">
        <v>13890</v>
      </c>
      <c r="F8" s="748">
        <v>6223</v>
      </c>
      <c r="G8" s="747">
        <v>7667</v>
      </c>
      <c r="H8" s="745">
        <v>1744</v>
      </c>
      <c r="I8" s="748">
        <v>641</v>
      </c>
      <c r="J8" s="749">
        <v>1103</v>
      </c>
      <c r="K8" s="745">
        <v>13421</v>
      </c>
      <c r="L8" s="748">
        <v>6914</v>
      </c>
      <c r="M8" s="749">
        <v>6507</v>
      </c>
      <c r="N8" s="747">
        <v>11677</v>
      </c>
      <c r="O8" s="748">
        <v>6273</v>
      </c>
      <c r="P8" s="747">
        <v>5404</v>
      </c>
      <c r="Q8" s="745">
        <v>12146</v>
      </c>
      <c r="R8" s="748">
        <v>5582</v>
      </c>
      <c r="S8" s="749">
        <v>6564</v>
      </c>
      <c r="T8" s="747">
        <v>111088</v>
      </c>
      <c r="U8" s="748">
        <v>58976</v>
      </c>
      <c r="V8" s="747">
        <v>52112</v>
      </c>
      <c r="W8" s="745">
        <v>98942</v>
      </c>
      <c r="X8" s="748">
        <v>53394</v>
      </c>
      <c r="Y8" s="747">
        <v>45548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4"/>
      <c r="N9" s="752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127311</v>
      </c>
      <c r="C10" s="746" t="s">
        <v>725</v>
      </c>
      <c r="D10" s="849"/>
      <c r="E10" s="755">
        <v>12024</v>
      </c>
      <c r="F10" s="758">
        <v>6176</v>
      </c>
      <c r="G10" s="757">
        <v>5848</v>
      </c>
      <c r="H10" s="755">
        <v>13394</v>
      </c>
      <c r="I10" s="758">
        <v>6898</v>
      </c>
      <c r="J10" s="770">
        <v>6496</v>
      </c>
      <c r="K10" s="755">
        <v>13421</v>
      </c>
      <c r="L10" s="755">
        <v>6914</v>
      </c>
      <c r="M10" s="759">
        <v>6507</v>
      </c>
      <c r="N10" s="769">
        <v>27</v>
      </c>
      <c r="O10" s="755">
        <v>16</v>
      </c>
      <c r="P10" s="755">
        <v>11</v>
      </c>
      <c r="Q10" s="755">
        <v>-1370</v>
      </c>
      <c r="R10" s="758">
        <v>-722</v>
      </c>
      <c r="S10" s="770">
        <v>-648</v>
      </c>
      <c r="T10" s="755">
        <v>7094</v>
      </c>
      <c r="U10" s="755">
        <v>3650</v>
      </c>
      <c r="V10" s="755">
        <v>3444</v>
      </c>
      <c r="W10" s="755">
        <v>8464</v>
      </c>
      <c r="X10" s="755">
        <v>4372</v>
      </c>
      <c r="Y10" s="755">
        <v>4092</v>
      </c>
    </row>
    <row r="11" spans="1:25" ht="21" customHeight="1">
      <c r="A11" s="849" t="s">
        <v>219</v>
      </c>
      <c r="B11" s="757">
        <v>121093</v>
      </c>
      <c r="C11" s="756" t="s">
        <v>290</v>
      </c>
      <c r="D11" s="849" t="s">
        <v>518</v>
      </c>
      <c r="E11" s="755">
        <v>1721</v>
      </c>
      <c r="F11" s="758">
        <v>934</v>
      </c>
      <c r="G11" s="757">
        <v>787</v>
      </c>
      <c r="H11" s="755">
        <v>-19</v>
      </c>
      <c r="I11" s="758">
        <v>-12</v>
      </c>
      <c r="J11" s="770">
        <v>-7</v>
      </c>
      <c r="K11" s="761" t="s">
        <v>44</v>
      </c>
      <c r="L11" s="762" t="s">
        <v>44</v>
      </c>
      <c r="M11" s="762" t="s">
        <v>44</v>
      </c>
      <c r="N11" s="770">
        <v>19</v>
      </c>
      <c r="O11" s="755">
        <v>12</v>
      </c>
      <c r="P11" s="755">
        <v>7</v>
      </c>
      <c r="Q11" s="755">
        <v>1740</v>
      </c>
      <c r="R11" s="758">
        <v>946</v>
      </c>
      <c r="S11" s="770">
        <v>794</v>
      </c>
      <c r="T11" s="755">
        <v>5027</v>
      </c>
      <c r="U11" s="755">
        <v>2688</v>
      </c>
      <c r="V11" s="755">
        <v>2339</v>
      </c>
      <c r="W11" s="755">
        <v>3287</v>
      </c>
      <c r="X11" s="755">
        <v>1742</v>
      </c>
      <c r="Y11" s="755">
        <v>1545</v>
      </c>
    </row>
    <row r="12" spans="1:25" ht="21" customHeight="1">
      <c r="A12" s="849" t="s">
        <v>755</v>
      </c>
      <c r="B12" s="757">
        <v>201671</v>
      </c>
      <c r="C12" s="756" t="s">
        <v>291</v>
      </c>
      <c r="D12" s="849" t="s">
        <v>520</v>
      </c>
      <c r="E12" s="755">
        <v>12074</v>
      </c>
      <c r="F12" s="758">
        <v>5888</v>
      </c>
      <c r="G12" s="757">
        <v>6186</v>
      </c>
      <c r="H12" s="755">
        <v>-50</v>
      </c>
      <c r="I12" s="758">
        <v>-35</v>
      </c>
      <c r="J12" s="770">
        <v>-15</v>
      </c>
      <c r="K12" s="761" t="s">
        <v>44</v>
      </c>
      <c r="L12" s="762" t="s">
        <v>44</v>
      </c>
      <c r="M12" s="762" t="s">
        <v>44</v>
      </c>
      <c r="N12" s="770">
        <v>50</v>
      </c>
      <c r="O12" s="755">
        <v>35</v>
      </c>
      <c r="P12" s="755">
        <v>15</v>
      </c>
      <c r="Q12" s="755">
        <v>12124</v>
      </c>
      <c r="R12" s="758">
        <v>5923</v>
      </c>
      <c r="S12" s="770">
        <v>6201</v>
      </c>
      <c r="T12" s="755">
        <v>47637</v>
      </c>
      <c r="U12" s="755">
        <v>24520</v>
      </c>
      <c r="V12" s="755">
        <v>23117</v>
      </c>
      <c r="W12" s="755">
        <v>35513</v>
      </c>
      <c r="X12" s="755">
        <v>18597</v>
      </c>
      <c r="Y12" s="755">
        <v>16916</v>
      </c>
    </row>
    <row r="13" spans="1:25" ht="21" customHeight="1">
      <c r="A13" s="856">
        <v>2</v>
      </c>
      <c r="B13" s="757">
        <v>215302</v>
      </c>
      <c r="C13" s="756" t="s">
        <v>292</v>
      </c>
      <c r="D13" s="856">
        <v>31</v>
      </c>
      <c r="E13" s="755">
        <v>338</v>
      </c>
      <c r="F13" s="758">
        <v>153</v>
      </c>
      <c r="G13" s="757">
        <v>185</v>
      </c>
      <c r="H13" s="755">
        <v>-86</v>
      </c>
      <c r="I13" s="758">
        <v>-59</v>
      </c>
      <c r="J13" s="770">
        <v>-27</v>
      </c>
      <c r="K13" s="761" t="s">
        <v>44</v>
      </c>
      <c r="L13" s="762" t="s">
        <v>44</v>
      </c>
      <c r="M13" s="762" t="s">
        <v>44</v>
      </c>
      <c r="N13" s="770">
        <v>86</v>
      </c>
      <c r="O13" s="755">
        <v>59</v>
      </c>
      <c r="P13" s="755">
        <v>27</v>
      </c>
      <c r="Q13" s="755">
        <v>424</v>
      </c>
      <c r="R13" s="758">
        <v>212</v>
      </c>
      <c r="S13" s="770">
        <v>212</v>
      </c>
      <c r="T13" s="755">
        <v>27848</v>
      </c>
      <c r="U13" s="755">
        <v>15179</v>
      </c>
      <c r="V13" s="755">
        <v>12669</v>
      </c>
      <c r="W13" s="755">
        <v>27424</v>
      </c>
      <c r="X13" s="755">
        <v>14967</v>
      </c>
      <c r="Y13" s="755">
        <v>12457</v>
      </c>
    </row>
    <row r="14" spans="1:25" ht="21" customHeight="1">
      <c r="A14" s="849" t="s">
        <v>148</v>
      </c>
      <c r="B14" s="766">
        <v>249055</v>
      </c>
      <c r="C14" s="763" t="s">
        <v>293</v>
      </c>
      <c r="D14" s="849" t="s">
        <v>772</v>
      </c>
      <c r="E14" s="766">
        <v>-575</v>
      </c>
      <c r="F14" s="765">
        <v>-414</v>
      </c>
      <c r="G14" s="764">
        <v>-161</v>
      </c>
      <c r="H14" s="766">
        <v>-256</v>
      </c>
      <c r="I14" s="765">
        <v>-170</v>
      </c>
      <c r="J14" s="771">
        <v>-86</v>
      </c>
      <c r="K14" s="767" t="s">
        <v>44</v>
      </c>
      <c r="L14" s="768" t="s">
        <v>44</v>
      </c>
      <c r="M14" s="768" t="s">
        <v>44</v>
      </c>
      <c r="N14" s="770">
        <v>256</v>
      </c>
      <c r="O14" s="766">
        <v>170</v>
      </c>
      <c r="P14" s="766">
        <v>86</v>
      </c>
      <c r="Q14" s="766">
        <v>-319</v>
      </c>
      <c r="R14" s="765">
        <v>-244</v>
      </c>
      <c r="S14" s="771">
        <v>-75</v>
      </c>
      <c r="T14" s="755">
        <v>10915</v>
      </c>
      <c r="U14" s="766">
        <v>6350</v>
      </c>
      <c r="V14" s="766">
        <v>4565</v>
      </c>
      <c r="W14" s="765">
        <v>11234</v>
      </c>
      <c r="X14" s="766">
        <v>6594</v>
      </c>
      <c r="Y14" s="766">
        <v>4640</v>
      </c>
    </row>
    <row r="15" spans="1:25" ht="21" customHeight="1">
      <c r="A15" s="856" t="s">
        <v>773</v>
      </c>
      <c r="B15" s="757">
        <v>205390</v>
      </c>
      <c r="C15" s="756" t="s">
        <v>294</v>
      </c>
      <c r="D15" s="849" t="s">
        <v>219</v>
      </c>
      <c r="E15" s="755">
        <v>-898</v>
      </c>
      <c r="F15" s="758">
        <v>-649</v>
      </c>
      <c r="G15" s="757">
        <v>-249</v>
      </c>
      <c r="H15" s="755">
        <v>-549</v>
      </c>
      <c r="I15" s="758">
        <v>-373</v>
      </c>
      <c r="J15" s="770">
        <v>-176</v>
      </c>
      <c r="K15" s="761" t="s">
        <v>44</v>
      </c>
      <c r="L15" s="762" t="s">
        <v>44</v>
      </c>
      <c r="M15" s="762" t="s">
        <v>44</v>
      </c>
      <c r="N15" s="769">
        <v>549</v>
      </c>
      <c r="O15" s="755">
        <v>373</v>
      </c>
      <c r="P15" s="755">
        <v>176</v>
      </c>
      <c r="Q15" s="755">
        <v>-349</v>
      </c>
      <c r="R15" s="758">
        <v>-276</v>
      </c>
      <c r="S15" s="770">
        <v>-73</v>
      </c>
      <c r="T15" s="759">
        <v>5795</v>
      </c>
      <c r="U15" s="755">
        <v>3331</v>
      </c>
      <c r="V15" s="755">
        <v>2464</v>
      </c>
      <c r="W15" s="759">
        <v>6144</v>
      </c>
      <c r="X15" s="755">
        <v>3607</v>
      </c>
      <c r="Y15" s="755">
        <v>2537</v>
      </c>
    </row>
    <row r="16" spans="1:25" ht="21" customHeight="1">
      <c r="A16" s="849" t="s">
        <v>523</v>
      </c>
      <c r="B16" s="757">
        <v>145193</v>
      </c>
      <c r="C16" s="756" t="s">
        <v>295</v>
      </c>
      <c r="D16" s="849" t="s">
        <v>221</v>
      </c>
      <c r="E16" s="755">
        <v>-1565</v>
      </c>
      <c r="F16" s="758">
        <v>-1086</v>
      </c>
      <c r="G16" s="757">
        <v>-479</v>
      </c>
      <c r="H16" s="755">
        <v>-1053</v>
      </c>
      <c r="I16" s="758">
        <v>-762</v>
      </c>
      <c r="J16" s="770">
        <v>-291</v>
      </c>
      <c r="K16" s="761" t="s">
        <v>44</v>
      </c>
      <c r="L16" s="762" t="s">
        <v>44</v>
      </c>
      <c r="M16" s="762" t="s">
        <v>44</v>
      </c>
      <c r="N16" s="770">
        <v>1053</v>
      </c>
      <c r="O16" s="755">
        <v>762</v>
      </c>
      <c r="P16" s="755">
        <v>291</v>
      </c>
      <c r="Q16" s="755">
        <v>-512</v>
      </c>
      <c r="R16" s="758">
        <v>-324</v>
      </c>
      <c r="S16" s="770">
        <v>-188</v>
      </c>
      <c r="T16" s="755">
        <v>2889</v>
      </c>
      <c r="U16" s="755">
        <v>1676</v>
      </c>
      <c r="V16" s="755">
        <v>1213</v>
      </c>
      <c r="W16" s="755">
        <v>3401</v>
      </c>
      <c r="X16" s="755">
        <v>2000</v>
      </c>
      <c r="Y16" s="755">
        <v>1401</v>
      </c>
    </row>
    <row r="17" spans="1:25" ht="21" customHeight="1">
      <c r="A17" s="856" t="s">
        <v>533</v>
      </c>
      <c r="B17" s="757">
        <v>137220</v>
      </c>
      <c r="C17" s="756" t="s">
        <v>296</v>
      </c>
      <c r="D17" s="849" t="s">
        <v>729</v>
      </c>
      <c r="E17" s="755">
        <v>-2498</v>
      </c>
      <c r="F17" s="758">
        <v>-1740</v>
      </c>
      <c r="G17" s="878">
        <v>-758</v>
      </c>
      <c r="H17" s="755">
        <v>-2544</v>
      </c>
      <c r="I17" s="758">
        <v>-1736</v>
      </c>
      <c r="J17" s="770">
        <v>-808</v>
      </c>
      <c r="K17" s="761" t="s">
        <v>44</v>
      </c>
      <c r="L17" s="762" t="s">
        <v>44</v>
      </c>
      <c r="M17" s="762" t="s">
        <v>44</v>
      </c>
      <c r="N17" s="770">
        <v>2544</v>
      </c>
      <c r="O17" s="755">
        <v>1736</v>
      </c>
      <c r="P17" s="755">
        <v>808</v>
      </c>
      <c r="Q17" s="755">
        <v>46</v>
      </c>
      <c r="R17" s="758">
        <v>-4</v>
      </c>
      <c r="S17" s="770">
        <v>50</v>
      </c>
      <c r="T17" s="755">
        <v>1981</v>
      </c>
      <c r="U17" s="755">
        <v>993</v>
      </c>
      <c r="V17" s="755">
        <v>988</v>
      </c>
      <c r="W17" s="755">
        <v>1935</v>
      </c>
      <c r="X17" s="755">
        <v>997</v>
      </c>
      <c r="Y17" s="755">
        <v>938</v>
      </c>
    </row>
    <row r="18" spans="1:25" ht="21" customHeight="1">
      <c r="A18" s="849" t="s">
        <v>526</v>
      </c>
      <c r="B18" s="757">
        <v>73282</v>
      </c>
      <c r="C18" s="756" t="s">
        <v>297</v>
      </c>
      <c r="D18" s="849" t="s">
        <v>774</v>
      </c>
      <c r="E18" s="755">
        <v>-3780</v>
      </c>
      <c r="F18" s="758">
        <v>-2070</v>
      </c>
      <c r="G18" s="757">
        <v>-1710</v>
      </c>
      <c r="H18" s="755">
        <v>-3975</v>
      </c>
      <c r="I18" s="758">
        <v>-2106</v>
      </c>
      <c r="J18" s="770">
        <v>-1869</v>
      </c>
      <c r="K18" s="761" t="s">
        <v>44</v>
      </c>
      <c r="L18" s="762" t="s">
        <v>44</v>
      </c>
      <c r="M18" s="762" t="s">
        <v>44</v>
      </c>
      <c r="N18" s="770">
        <v>3975</v>
      </c>
      <c r="O18" s="755">
        <v>2106</v>
      </c>
      <c r="P18" s="755">
        <v>1869</v>
      </c>
      <c r="Q18" s="755">
        <v>195</v>
      </c>
      <c r="R18" s="758">
        <v>36</v>
      </c>
      <c r="S18" s="770">
        <v>159</v>
      </c>
      <c r="T18" s="755">
        <v>1397</v>
      </c>
      <c r="U18" s="755">
        <v>465</v>
      </c>
      <c r="V18" s="755">
        <v>932</v>
      </c>
      <c r="W18" s="755">
        <v>1202</v>
      </c>
      <c r="X18" s="755">
        <v>429</v>
      </c>
      <c r="Y18" s="755">
        <v>773</v>
      </c>
    </row>
    <row r="19" spans="1:25" ht="21" customHeight="1">
      <c r="A19" s="849" t="s">
        <v>528</v>
      </c>
      <c r="B19" s="766">
        <v>16858</v>
      </c>
      <c r="C19" s="763" t="s">
        <v>298</v>
      </c>
      <c r="D19" s="849" t="s">
        <v>775</v>
      </c>
      <c r="E19" s="766">
        <v>-2676</v>
      </c>
      <c r="F19" s="765">
        <v>-929</v>
      </c>
      <c r="G19" s="764">
        <v>-1747</v>
      </c>
      <c r="H19" s="766">
        <v>-2840</v>
      </c>
      <c r="I19" s="765">
        <v>-962</v>
      </c>
      <c r="J19" s="771">
        <v>-1878</v>
      </c>
      <c r="K19" s="767" t="s">
        <v>44</v>
      </c>
      <c r="L19" s="768" t="s">
        <v>44</v>
      </c>
      <c r="M19" s="768" t="s">
        <v>44</v>
      </c>
      <c r="N19" s="771">
        <v>2840</v>
      </c>
      <c r="O19" s="766">
        <v>962</v>
      </c>
      <c r="P19" s="766">
        <v>1878</v>
      </c>
      <c r="Q19" s="766">
        <v>164</v>
      </c>
      <c r="R19" s="765">
        <v>33</v>
      </c>
      <c r="S19" s="771">
        <v>131</v>
      </c>
      <c r="T19" s="755">
        <v>493</v>
      </c>
      <c r="U19" s="766">
        <v>122</v>
      </c>
      <c r="V19" s="766">
        <v>371</v>
      </c>
      <c r="W19" s="765">
        <v>329</v>
      </c>
      <c r="X19" s="766">
        <v>89</v>
      </c>
      <c r="Y19" s="766">
        <v>240</v>
      </c>
    </row>
    <row r="20" spans="1:25" ht="21" customHeight="1">
      <c r="A20" s="849" t="s">
        <v>530</v>
      </c>
      <c r="B20" s="766">
        <v>651</v>
      </c>
      <c r="C20" s="763" t="s">
        <v>535</v>
      </c>
      <c r="D20" s="857"/>
      <c r="E20" s="765">
        <v>-275</v>
      </c>
      <c r="F20" s="765">
        <v>-40</v>
      </c>
      <c r="G20" s="766">
        <v>-235</v>
      </c>
      <c r="H20" s="766">
        <v>-278</v>
      </c>
      <c r="I20" s="765">
        <v>-42</v>
      </c>
      <c r="J20" s="771">
        <v>-236</v>
      </c>
      <c r="K20" s="767" t="s">
        <v>44</v>
      </c>
      <c r="L20" s="768" t="s">
        <v>44</v>
      </c>
      <c r="M20" s="768" t="s">
        <v>44</v>
      </c>
      <c r="N20" s="770">
        <v>278</v>
      </c>
      <c r="O20" s="766">
        <v>42</v>
      </c>
      <c r="P20" s="766">
        <v>236</v>
      </c>
      <c r="Q20" s="766">
        <v>3</v>
      </c>
      <c r="R20" s="765">
        <v>2</v>
      </c>
      <c r="S20" s="765">
        <v>1</v>
      </c>
      <c r="T20" s="759">
        <v>12</v>
      </c>
      <c r="U20" s="766">
        <v>2</v>
      </c>
      <c r="V20" s="766">
        <v>10</v>
      </c>
      <c r="W20" s="765">
        <v>9</v>
      </c>
      <c r="X20" s="766">
        <v>0</v>
      </c>
      <c r="Y20" s="766">
        <v>9</v>
      </c>
    </row>
    <row r="21" spans="1:25" ht="21" customHeight="1" thickBot="1">
      <c r="A21" s="858"/>
      <c r="B21" s="896">
        <v>38620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4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4" t="s">
        <v>44</v>
      </c>
      <c r="W21" s="861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1517756</v>
      </c>
      <c r="C22" s="746" t="s">
        <v>214</v>
      </c>
      <c r="D22" s="849"/>
      <c r="E22" s="865">
        <v>12399</v>
      </c>
      <c r="F22" s="865">
        <v>5506</v>
      </c>
      <c r="G22" s="865">
        <v>6893</v>
      </c>
      <c r="H22" s="865">
        <v>2527</v>
      </c>
      <c r="I22" s="865">
        <v>1124</v>
      </c>
      <c r="J22" s="865">
        <v>1403</v>
      </c>
      <c r="K22" s="865">
        <v>13816</v>
      </c>
      <c r="L22" s="865">
        <v>7183</v>
      </c>
      <c r="M22" s="897">
        <v>6633</v>
      </c>
      <c r="N22" s="1135">
        <v>11289</v>
      </c>
      <c r="O22" s="897">
        <v>6059</v>
      </c>
      <c r="P22" s="898">
        <v>5230</v>
      </c>
      <c r="Q22" s="865">
        <v>9872</v>
      </c>
      <c r="R22" s="897">
        <v>4382</v>
      </c>
      <c r="S22" s="899">
        <v>5490</v>
      </c>
      <c r="T22" s="898">
        <v>107949</v>
      </c>
      <c r="U22" s="897">
        <v>57651</v>
      </c>
      <c r="V22" s="898">
        <v>50298</v>
      </c>
      <c r="W22" s="865">
        <v>98077</v>
      </c>
      <c r="X22" s="897">
        <v>53269</v>
      </c>
      <c r="Y22" s="898">
        <v>44808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7"/>
      <c r="G23" s="767"/>
      <c r="H23" s="767"/>
      <c r="I23" s="767"/>
      <c r="J23" s="767"/>
      <c r="K23" s="767"/>
      <c r="L23" s="767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127382</v>
      </c>
      <c r="C24" s="746" t="s">
        <v>725</v>
      </c>
      <c r="D24" s="849"/>
      <c r="E24" s="879">
        <v>12175</v>
      </c>
      <c r="F24" s="879">
        <v>6285</v>
      </c>
      <c r="G24" s="879">
        <v>5890</v>
      </c>
      <c r="H24" s="879">
        <v>13779</v>
      </c>
      <c r="I24" s="879">
        <v>7168</v>
      </c>
      <c r="J24" s="879">
        <v>6611</v>
      </c>
      <c r="K24" s="879">
        <v>13816</v>
      </c>
      <c r="L24" s="879">
        <v>7183</v>
      </c>
      <c r="M24" s="880">
        <v>6633</v>
      </c>
      <c r="N24" s="1136">
        <v>37</v>
      </c>
      <c r="O24" s="879">
        <v>15</v>
      </c>
      <c r="P24" s="879">
        <v>22</v>
      </c>
      <c r="Q24" s="879">
        <v>-1604</v>
      </c>
      <c r="R24" s="880">
        <v>-883</v>
      </c>
      <c r="S24" s="1136">
        <v>-721</v>
      </c>
      <c r="T24" s="878">
        <v>6897</v>
      </c>
      <c r="U24" s="879">
        <v>3477</v>
      </c>
      <c r="V24" s="879">
        <v>3420</v>
      </c>
      <c r="W24" s="879">
        <v>8501</v>
      </c>
      <c r="X24" s="879">
        <v>4360</v>
      </c>
      <c r="Y24" s="879">
        <v>4141</v>
      </c>
    </row>
    <row r="25" spans="1:25" ht="21" customHeight="1">
      <c r="A25" s="849" t="s">
        <v>518</v>
      </c>
      <c r="B25" s="900">
        <v>120719</v>
      </c>
      <c r="C25" s="756" t="s">
        <v>290</v>
      </c>
      <c r="D25" s="849" t="s">
        <v>518</v>
      </c>
      <c r="E25" s="879">
        <v>1716</v>
      </c>
      <c r="F25" s="879">
        <v>905</v>
      </c>
      <c r="G25" s="879">
        <v>811</v>
      </c>
      <c r="H25" s="879">
        <v>-16</v>
      </c>
      <c r="I25" s="879">
        <v>-9</v>
      </c>
      <c r="J25" s="879">
        <v>-7</v>
      </c>
      <c r="K25" s="879" t="s">
        <v>44</v>
      </c>
      <c r="L25" s="879" t="s">
        <v>44</v>
      </c>
      <c r="M25" s="880" t="s">
        <v>44</v>
      </c>
      <c r="N25" s="1136">
        <v>16</v>
      </c>
      <c r="O25" s="879">
        <v>9</v>
      </c>
      <c r="P25" s="879">
        <v>7</v>
      </c>
      <c r="Q25" s="879">
        <v>1732</v>
      </c>
      <c r="R25" s="880">
        <v>914</v>
      </c>
      <c r="S25" s="1136">
        <v>818</v>
      </c>
      <c r="T25" s="878">
        <v>4911</v>
      </c>
      <c r="U25" s="879">
        <v>2553</v>
      </c>
      <c r="V25" s="879">
        <v>2358</v>
      </c>
      <c r="W25" s="879">
        <v>3179</v>
      </c>
      <c r="X25" s="879">
        <v>1639</v>
      </c>
      <c r="Y25" s="879">
        <v>1540</v>
      </c>
    </row>
    <row r="26" spans="1:25" ht="21" customHeight="1">
      <c r="A26" s="849" t="s">
        <v>520</v>
      </c>
      <c r="B26" s="900">
        <v>196321</v>
      </c>
      <c r="C26" s="756" t="s">
        <v>291</v>
      </c>
      <c r="D26" s="849" t="s">
        <v>520</v>
      </c>
      <c r="E26" s="879">
        <v>11067</v>
      </c>
      <c r="F26" s="879">
        <v>5707</v>
      </c>
      <c r="G26" s="879">
        <v>5360</v>
      </c>
      <c r="H26" s="879">
        <v>-38</v>
      </c>
      <c r="I26" s="879">
        <v>-24</v>
      </c>
      <c r="J26" s="879">
        <v>-14</v>
      </c>
      <c r="K26" s="879" t="s">
        <v>44</v>
      </c>
      <c r="L26" s="879" t="s">
        <v>44</v>
      </c>
      <c r="M26" s="880" t="s">
        <v>44</v>
      </c>
      <c r="N26" s="1136">
        <v>38</v>
      </c>
      <c r="O26" s="879">
        <v>24</v>
      </c>
      <c r="P26" s="879">
        <v>14</v>
      </c>
      <c r="Q26" s="879">
        <v>11105</v>
      </c>
      <c r="R26" s="880">
        <v>5731</v>
      </c>
      <c r="S26" s="1136">
        <v>5374</v>
      </c>
      <c r="T26" s="878">
        <v>45665</v>
      </c>
      <c r="U26" s="879">
        <v>23913</v>
      </c>
      <c r="V26" s="879">
        <v>21752</v>
      </c>
      <c r="W26" s="879">
        <v>34560</v>
      </c>
      <c r="X26" s="879">
        <v>18182</v>
      </c>
      <c r="Y26" s="879">
        <v>16378</v>
      </c>
    </row>
    <row r="27" spans="1:25" ht="21" customHeight="1">
      <c r="A27" s="856">
        <v>31</v>
      </c>
      <c r="B27" s="900">
        <v>217958</v>
      </c>
      <c r="C27" s="756" t="s">
        <v>292</v>
      </c>
      <c r="D27" s="856">
        <v>30</v>
      </c>
      <c r="E27" s="879">
        <v>-773</v>
      </c>
      <c r="F27" s="879">
        <v>-646</v>
      </c>
      <c r="G27" s="879">
        <v>-127</v>
      </c>
      <c r="H27" s="879">
        <v>-87</v>
      </c>
      <c r="I27" s="879">
        <v>-55</v>
      </c>
      <c r="J27" s="879">
        <v>-32</v>
      </c>
      <c r="K27" s="879" t="s">
        <v>44</v>
      </c>
      <c r="L27" s="879" t="s">
        <v>44</v>
      </c>
      <c r="M27" s="880" t="s">
        <v>44</v>
      </c>
      <c r="N27" s="1136">
        <v>87</v>
      </c>
      <c r="O27" s="879">
        <v>55</v>
      </c>
      <c r="P27" s="879">
        <v>32</v>
      </c>
      <c r="Q27" s="879">
        <v>-686</v>
      </c>
      <c r="R27" s="880">
        <v>-591</v>
      </c>
      <c r="S27" s="1136">
        <v>-95</v>
      </c>
      <c r="T27" s="878">
        <v>27314</v>
      </c>
      <c r="U27" s="879">
        <v>14883</v>
      </c>
      <c r="V27" s="879">
        <v>12431</v>
      </c>
      <c r="W27" s="879">
        <v>28000</v>
      </c>
      <c r="X27" s="879">
        <v>15474</v>
      </c>
      <c r="Y27" s="879">
        <v>12526</v>
      </c>
    </row>
    <row r="28" spans="1:25" ht="21" customHeight="1">
      <c r="A28" s="849" t="s">
        <v>148</v>
      </c>
      <c r="B28" s="901">
        <v>251384</v>
      </c>
      <c r="C28" s="763" t="s">
        <v>293</v>
      </c>
      <c r="D28" s="849" t="s">
        <v>148</v>
      </c>
      <c r="E28" s="885">
        <v>-661</v>
      </c>
      <c r="F28" s="885">
        <v>-521</v>
      </c>
      <c r="G28" s="885">
        <v>-140</v>
      </c>
      <c r="H28" s="885">
        <v>-270</v>
      </c>
      <c r="I28" s="885">
        <v>-176</v>
      </c>
      <c r="J28" s="885">
        <v>-94</v>
      </c>
      <c r="K28" s="885" t="s">
        <v>44</v>
      </c>
      <c r="L28" s="885" t="s">
        <v>44</v>
      </c>
      <c r="M28" s="885" t="s">
        <v>44</v>
      </c>
      <c r="N28" s="1137">
        <v>270</v>
      </c>
      <c r="O28" s="883">
        <v>176</v>
      </c>
      <c r="P28" s="883">
        <v>94</v>
      </c>
      <c r="Q28" s="883">
        <v>-391</v>
      </c>
      <c r="R28" s="885">
        <v>-345</v>
      </c>
      <c r="S28" s="1137">
        <v>-46</v>
      </c>
      <c r="T28" s="886">
        <v>10910</v>
      </c>
      <c r="U28" s="883">
        <v>6373</v>
      </c>
      <c r="V28" s="883">
        <v>4537</v>
      </c>
      <c r="W28" s="883">
        <v>11301</v>
      </c>
      <c r="X28" s="883">
        <v>6718</v>
      </c>
      <c r="Y28" s="883">
        <v>4583</v>
      </c>
    </row>
    <row r="29" spans="1:25" ht="21" customHeight="1">
      <c r="A29" s="856" t="s">
        <v>533</v>
      </c>
      <c r="B29" s="900">
        <v>196874</v>
      </c>
      <c r="C29" s="756" t="s">
        <v>294</v>
      </c>
      <c r="D29" s="849" t="s">
        <v>534</v>
      </c>
      <c r="E29" s="879">
        <v>-833</v>
      </c>
      <c r="F29" s="879">
        <v>-551</v>
      </c>
      <c r="G29" s="879">
        <v>-282</v>
      </c>
      <c r="H29" s="879">
        <v>-493</v>
      </c>
      <c r="I29" s="879">
        <v>-312</v>
      </c>
      <c r="J29" s="879">
        <v>-181</v>
      </c>
      <c r="K29" s="879" t="s">
        <v>44</v>
      </c>
      <c r="L29" s="879" t="s">
        <v>44</v>
      </c>
      <c r="M29" s="880" t="s">
        <v>44</v>
      </c>
      <c r="N29" s="1136">
        <v>493</v>
      </c>
      <c r="O29" s="879">
        <v>312</v>
      </c>
      <c r="P29" s="879">
        <v>181</v>
      </c>
      <c r="Q29" s="879">
        <v>-340</v>
      </c>
      <c r="R29" s="880">
        <v>-239</v>
      </c>
      <c r="S29" s="1136">
        <v>-101</v>
      </c>
      <c r="T29" s="878">
        <v>5572</v>
      </c>
      <c r="U29" s="879">
        <v>3254</v>
      </c>
      <c r="V29" s="879">
        <v>2318</v>
      </c>
      <c r="W29" s="879">
        <v>5912</v>
      </c>
      <c r="X29" s="879">
        <v>3493</v>
      </c>
      <c r="Y29" s="879">
        <v>2419</v>
      </c>
    </row>
    <row r="30" spans="1:25" ht="21" customHeight="1">
      <c r="A30" s="849" t="s">
        <v>523</v>
      </c>
      <c r="B30" s="900">
        <v>149583</v>
      </c>
      <c r="C30" s="756" t="s">
        <v>295</v>
      </c>
      <c r="D30" s="849"/>
      <c r="E30" s="879">
        <v>-1432</v>
      </c>
      <c r="F30" s="879">
        <v>-1077</v>
      </c>
      <c r="G30" s="879">
        <v>-355</v>
      </c>
      <c r="H30" s="879">
        <v>-1138</v>
      </c>
      <c r="I30" s="879">
        <v>-832</v>
      </c>
      <c r="J30" s="879">
        <v>-306</v>
      </c>
      <c r="K30" s="879" t="s">
        <v>44</v>
      </c>
      <c r="L30" s="879" t="s">
        <v>44</v>
      </c>
      <c r="M30" s="880" t="s">
        <v>44</v>
      </c>
      <c r="N30" s="1136">
        <v>1138</v>
      </c>
      <c r="O30" s="879">
        <v>832</v>
      </c>
      <c r="P30" s="879">
        <v>306</v>
      </c>
      <c r="Q30" s="879">
        <v>-294</v>
      </c>
      <c r="R30" s="880">
        <v>-245</v>
      </c>
      <c r="S30" s="1136">
        <v>-49</v>
      </c>
      <c r="T30" s="878">
        <v>2976</v>
      </c>
      <c r="U30" s="879">
        <v>1688</v>
      </c>
      <c r="V30" s="879">
        <v>1288</v>
      </c>
      <c r="W30" s="879">
        <v>3270</v>
      </c>
      <c r="X30" s="879">
        <v>1933</v>
      </c>
      <c r="Y30" s="879">
        <v>1337</v>
      </c>
    </row>
    <row r="31" spans="1:25" ht="21" customHeight="1">
      <c r="A31" s="856" t="s">
        <v>533</v>
      </c>
      <c r="B31" s="900">
        <v>131094</v>
      </c>
      <c r="C31" s="756" t="s">
        <v>296</v>
      </c>
      <c r="D31" s="849"/>
      <c r="E31" s="879">
        <v>-2404</v>
      </c>
      <c r="F31" s="879">
        <v>-1672</v>
      </c>
      <c r="G31" s="879">
        <v>-732</v>
      </c>
      <c r="H31" s="879">
        <v>-2459</v>
      </c>
      <c r="I31" s="879">
        <v>-1651</v>
      </c>
      <c r="J31" s="879">
        <v>-808</v>
      </c>
      <c r="K31" s="879" t="s">
        <v>44</v>
      </c>
      <c r="L31" s="879" t="s">
        <v>44</v>
      </c>
      <c r="M31" s="880" t="s">
        <v>44</v>
      </c>
      <c r="N31" s="1136">
        <v>2459</v>
      </c>
      <c r="O31" s="879">
        <v>1651</v>
      </c>
      <c r="P31" s="879">
        <v>808</v>
      </c>
      <c r="Q31" s="879">
        <v>55</v>
      </c>
      <c r="R31" s="880">
        <v>-21</v>
      </c>
      <c r="S31" s="1136">
        <v>76</v>
      </c>
      <c r="T31" s="878">
        <v>1910</v>
      </c>
      <c r="U31" s="879">
        <v>961</v>
      </c>
      <c r="V31" s="879">
        <v>949</v>
      </c>
      <c r="W31" s="879">
        <v>1855</v>
      </c>
      <c r="X31" s="879">
        <v>982</v>
      </c>
      <c r="Y31" s="879">
        <v>873</v>
      </c>
    </row>
    <row r="32" spans="1:25" ht="21" customHeight="1">
      <c r="A32" s="849" t="s">
        <v>526</v>
      </c>
      <c r="B32" s="900">
        <v>71426</v>
      </c>
      <c r="C32" s="756" t="s">
        <v>297</v>
      </c>
      <c r="D32" s="849"/>
      <c r="E32" s="879">
        <v>-3681</v>
      </c>
      <c r="F32" s="879">
        <v>-2013</v>
      </c>
      <c r="G32" s="879">
        <v>-1668</v>
      </c>
      <c r="H32" s="879">
        <v>-3873</v>
      </c>
      <c r="I32" s="879">
        <v>-2045</v>
      </c>
      <c r="J32" s="879">
        <v>-1828</v>
      </c>
      <c r="K32" s="879" t="s">
        <v>44</v>
      </c>
      <c r="L32" s="879" t="s">
        <v>44</v>
      </c>
      <c r="M32" s="880" t="s">
        <v>44</v>
      </c>
      <c r="N32" s="1136">
        <v>3873</v>
      </c>
      <c r="O32" s="879">
        <v>2045</v>
      </c>
      <c r="P32" s="879">
        <v>1828</v>
      </c>
      <c r="Q32" s="879">
        <v>192</v>
      </c>
      <c r="R32" s="880">
        <v>32</v>
      </c>
      <c r="S32" s="1136">
        <v>160</v>
      </c>
      <c r="T32" s="878">
        <v>1358</v>
      </c>
      <c r="U32" s="879">
        <v>444</v>
      </c>
      <c r="V32" s="879">
        <v>914</v>
      </c>
      <c r="W32" s="879">
        <v>1166</v>
      </c>
      <c r="X32" s="879">
        <v>412</v>
      </c>
      <c r="Y32" s="879">
        <v>754</v>
      </c>
    </row>
    <row r="33" spans="1:25" ht="21" customHeight="1">
      <c r="A33" s="849" t="s">
        <v>528</v>
      </c>
      <c r="B33" s="901">
        <v>15769</v>
      </c>
      <c r="C33" s="763" t="s">
        <v>298</v>
      </c>
      <c r="D33" s="857"/>
      <c r="E33" s="885">
        <v>-2523</v>
      </c>
      <c r="F33" s="885">
        <v>-869</v>
      </c>
      <c r="G33" s="885">
        <v>-1654</v>
      </c>
      <c r="H33" s="885">
        <v>-2631</v>
      </c>
      <c r="I33" s="885">
        <v>-899</v>
      </c>
      <c r="J33" s="885">
        <v>-1732</v>
      </c>
      <c r="K33" s="885" t="s">
        <v>44</v>
      </c>
      <c r="L33" s="885" t="s">
        <v>44</v>
      </c>
      <c r="M33" s="885" t="s">
        <v>44</v>
      </c>
      <c r="N33" s="1137">
        <v>2631</v>
      </c>
      <c r="O33" s="883">
        <v>899</v>
      </c>
      <c r="P33" s="883">
        <v>1732</v>
      </c>
      <c r="Q33" s="883">
        <v>108</v>
      </c>
      <c r="R33" s="885">
        <v>30</v>
      </c>
      <c r="S33" s="1137">
        <v>78</v>
      </c>
      <c r="T33" s="886">
        <v>431</v>
      </c>
      <c r="U33" s="883">
        <v>105</v>
      </c>
      <c r="V33" s="883">
        <v>326</v>
      </c>
      <c r="W33" s="883">
        <v>323</v>
      </c>
      <c r="X33" s="883">
        <v>75</v>
      </c>
      <c r="Y33" s="883">
        <v>248</v>
      </c>
    </row>
    <row r="34" spans="1:25" ht="21" customHeight="1">
      <c r="A34" s="849" t="s">
        <v>530</v>
      </c>
      <c r="B34" s="901">
        <v>626</v>
      </c>
      <c r="C34" s="763" t="s">
        <v>535</v>
      </c>
      <c r="D34" s="857"/>
      <c r="E34" s="891">
        <v>-252</v>
      </c>
      <c r="F34" s="891">
        <v>-42</v>
      </c>
      <c r="G34" s="891">
        <v>-210</v>
      </c>
      <c r="H34" s="891">
        <v>-247</v>
      </c>
      <c r="I34" s="891">
        <v>-41</v>
      </c>
      <c r="J34" s="891">
        <v>-206</v>
      </c>
      <c r="K34" s="891" t="s">
        <v>44</v>
      </c>
      <c r="L34" s="891" t="s">
        <v>44</v>
      </c>
      <c r="M34" s="891" t="s">
        <v>44</v>
      </c>
      <c r="N34" s="1137">
        <v>247</v>
      </c>
      <c r="O34" s="883">
        <v>41</v>
      </c>
      <c r="P34" s="883">
        <v>206</v>
      </c>
      <c r="Q34" s="883">
        <v>-5</v>
      </c>
      <c r="R34" s="885">
        <v>-1</v>
      </c>
      <c r="S34" s="885">
        <v>-4</v>
      </c>
      <c r="T34" s="886">
        <v>5</v>
      </c>
      <c r="U34" s="883">
        <v>0</v>
      </c>
      <c r="V34" s="883">
        <v>5</v>
      </c>
      <c r="W34" s="883">
        <v>10</v>
      </c>
      <c r="X34" s="883">
        <v>1</v>
      </c>
      <c r="Y34" s="883">
        <v>9</v>
      </c>
    </row>
    <row r="35" spans="1:25" ht="21" customHeight="1" thickBot="1">
      <c r="A35" s="857"/>
      <c r="B35" s="900">
        <v>38620</v>
      </c>
      <c r="C35" s="746" t="s">
        <v>128</v>
      </c>
      <c r="D35" s="857"/>
      <c r="E35" s="761" t="s">
        <v>44</v>
      </c>
      <c r="F35" s="761" t="s">
        <v>44</v>
      </c>
      <c r="G35" s="761" t="s">
        <v>44</v>
      </c>
      <c r="H35" s="761" t="s">
        <v>44</v>
      </c>
      <c r="I35" s="761" t="s">
        <v>44</v>
      </c>
      <c r="J35" s="761" t="s">
        <v>44</v>
      </c>
      <c r="K35" s="761" t="s">
        <v>44</v>
      </c>
      <c r="L35" s="761" t="s">
        <v>44</v>
      </c>
      <c r="M35" s="762" t="s">
        <v>44</v>
      </c>
      <c r="N35" s="863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13890</v>
      </c>
      <c r="C36" s="873" t="s">
        <v>214</v>
      </c>
      <c r="D36" s="871" t="s">
        <v>724</v>
      </c>
      <c r="E36" s="874">
        <v>1491</v>
      </c>
      <c r="F36" s="874">
        <v>717</v>
      </c>
      <c r="G36" s="874">
        <v>774</v>
      </c>
      <c r="H36" s="874">
        <v>-783</v>
      </c>
      <c r="I36" s="874">
        <v>-483</v>
      </c>
      <c r="J36" s="874">
        <v>-300</v>
      </c>
      <c r="K36" s="874">
        <v>-395</v>
      </c>
      <c r="L36" s="874">
        <v>-269</v>
      </c>
      <c r="M36" s="875">
        <v>-126</v>
      </c>
      <c r="N36" s="1135">
        <v>388</v>
      </c>
      <c r="O36" s="875">
        <v>214</v>
      </c>
      <c r="P36" s="875">
        <v>174</v>
      </c>
      <c r="Q36" s="875">
        <v>2274</v>
      </c>
      <c r="R36" s="875">
        <v>1200</v>
      </c>
      <c r="S36" s="875">
        <v>1074</v>
      </c>
      <c r="T36" s="875">
        <v>3139</v>
      </c>
      <c r="U36" s="875">
        <v>1325</v>
      </c>
      <c r="V36" s="875">
        <v>1814</v>
      </c>
      <c r="W36" s="875">
        <v>865</v>
      </c>
      <c r="X36" s="875">
        <v>125</v>
      </c>
      <c r="Y36" s="872">
        <v>740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71</v>
      </c>
      <c r="C38" s="746" t="s">
        <v>725</v>
      </c>
      <c r="D38" s="876" t="s">
        <v>732</v>
      </c>
      <c r="E38" s="879">
        <v>-151</v>
      </c>
      <c r="F38" s="879">
        <v>-109</v>
      </c>
      <c r="G38" s="879">
        <v>-42</v>
      </c>
      <c r="H38" s="879">
        <v>-385</v>
      </c>
      <c r="I38" s="879">
        <v>-270</v>
      </c>
      <c r="J38" s="879">
        <v>-115</v>
      </c>
      <c r="K38" s="879">
        <v>-395</v>
      </c>
      <c r="L38" s="879">
        <v>-269</v>
      </c>
      <c r="M38" s="880">
        <v>-126</v>
      </c>
      <c r="N38" s="1136">
        <v>-10</v>
      </c>
      <c r="O38" s="880">
        <v>1</v>
      </c>
      <c r="P38" s="880">
        <v>-11</v>
      </c>
      <c r="Q38" s="880">
        <v>234</v>
      </c>
      <c r="R38" s="880">
        <v>161</v>
      </c>
      <c r="S38" s="880">
        <v>73</v>
      </c>
      <c r="T38" s="880">
        <v>197</v>
      </c>
      <c r="U38" s="880">
        <v>173</v>
      </c>
      <c r="V38" s="880">
        <v>24</v>
      </c>
      <c r="W38" s="880">
        <v>-37</v>
      </c>
      <c r="X38" s="880">
        <v>12</v>
      </c>
      <c r="Y38" s="878">
        <v>-49</v>
      </c>
    </row>
    <row r="39" spans="1:25" ht="21" customHeight="1">
      <c r="A39" s="849"/>
      <c r="B39" s="878">
        <v>374</v>
      </c>
      <c r="C39" s="756" t="s">
        <v>290</v>
      </c>
      <c r="D39" s="856" t="s">
        <v>518</v>
      </c>
      <c r="E39" s="879">
        <v>5</v>
      </c>
      <c r="F39" s="879">
        <v>29</v>
      </c>
      <c r="G39" s="879">
        <v>-24</v>
      </c>
      <c r="H39" s="879">
        <v>-3</v>
      </c>
      <c r="I39" s="879">
        <v>-3</v>
      </c>
      <c r="J39" s="879">
        <v>0</v>
      </c>
      <c r="K39" s="761" t="s">
        <v>44</v>
      </c>
      <c r="L39" s="761" t="s">
        <v>44</v>
      </c>
      <c r="M39" s="762" t="s">
        <v>44</v>
      </c>
      <c r="N39" s="1136">
        <v>3</v>
      </c>
      <c r="O39" s="880">
        <v>3</v>
      </c>
      <c r="P39" s="880">
        <v>0</v>
      </c>
      <c r="Q39" s="880">
        <v>8</v>
      </c>
      <c r="R39" s="880">
        <v>32</v>
      </c>
      <c r="S39" s="880">
        <v>-24</v>
      </c>
      <c r="T39" s="880">
        <v>116</v>
      </c>
      <c r="U39" s="880">
        <v>135</v>
      </c>
      <c r="V39" s="880">
        <v>-19</v>
      </c>
      <c r="W39" s="880">
        <v>108</v>
      </c>
      <c r="X39" s="880">
        <v>103</v>
      </c>
      <c r="Y39" s="878">
        <v>5</v>
      </c>
    </row>
    <row r="40" spans="1:25" ht="21" customHeight="1">
      <c r="A40" s="881" t="s">
        <v>518</v>
      </c>
      <c r="B40" s="878">
        <v>5350</v>
      </c>
      <c r="C40" s="756" t="s">
        <v>291</v>
      </c>
      <c r="D40" s="849" t="s">
        <v>520</v>
      </c>
      <c r="E40" s="879">
        <v>1007</v>
      </c>
      <c r="F40" s="879">
        <v>181</v>
      </c>
      <c r="G40" s="879">
        <v>826</v>
      </c>
      <c r="H40" s="879">
        <v>-12</v>
      </c>
      <c r="I40" s="879">
        <v>-11</v>
      </c>
      <c r="J40" s="879">
        <v>-1</v>
      </c>
      <c r="K40" s="761" t="s">
        <v>44</v>
      </c>
      <c r="L40" s="761" t="s">
        <v>44</v>
      </c>
      <c r="M40" s="762" t="s">
        <v>44</v>
      </c>
      <c r="N40" s="1136">
        <v>12</v>
      </c>
      <c r="O40" s="880">
        <v>11</v>
      </c>
      <c r="P40" s="880">
        <v>1</v>
      </c>
      <c r="Q40" s="880">
        <v>1019</v>
      </c>
      <c r="R40" s="880">
        <v>192</v>
      </c>
      <c r="S40" s="880">
        <v>827</v>
      </c>
      <c r="T40" s="880">
        <v>1972</v>
      </c>
      <c r="U40" s="880">
        <v>607</v>
      </c>
      <c r="V40" s="880">
        <v>1365</v>
      </c>
      <c r="W40" s="880">
        <v>953</v>
      </c>
      <c r="X40" s="880">
        <v>415</v>
      </c>
      <c r="Y40" s="878">
        <v>538</v>
      </c>
    </row>
    <row r="41" spans="1:25" ht="21" customHeight="1">
      <c r="A41" s="881" t="s">
        <v>520</v>
      </c>
      <c r="B41" s="878">
        <v>-2656</v>
      </c>
      <c r="C41" s="756" t="s">
        <v>292</v>
      </c>
      <c r="D41" s="849">
        <v>30</v>
      </c>
      <c r="E41" s="879">
        <v>1111</v>
      </c>
      <c r="F41" s="879">
        <v>799</v>
      </c>
      <c r="G41" s="879">
        <v>312</v>
      </c>
      <c r="H41" s="879">
        <v>1</v>
      </c>
      <c r="I41" s="879">
        <v>-4</v>
      </c>
      <c r="J41" s="879">
        <v>5</v>
      </c>
      <c r="K41" s="761" t="s">
        <v>44</v>
      </c>
      <c r="L41" s="761" t="s">
        <v>44</v>
      </c>
      <c r="M41" s="762" t="s">
        <v>44</v>
      </c>
      <c r="N41" s="1136">
        <v>-1</v>
      </c>
      <c r="O41" s="880">
        <v>4</v>
      </c>
      <c r="P41" s="880">
        <v>-5</v>
      </c>
      <c r="Q41" s="880">
        <v>1110</v>
      </c>
      <c r="R41" s="880">
        <v>803</v>
      </c>
      <c r="S41" s="880">
        <v>307</v>
      </c>
      <c r="T41" s="880">
        <v>534</v>
      </c>
      <c r="U41" s="880">
        <v>296</v>
      </c>
      <c r="V41" s="880">
        <v>238</v>
      </c>
      <c r="W41" s="880">
        <v>-576</v>
      </c>
      <c r="X41" s="880">
        <v>-507</v>
      </c>
      <c r="Y41" s="878">
        <v>-69</v>
      </c>
    </row>
    <row r="42" spans="1:25" ht="21" customHeight="1">
      <c r="A42" s="882">
        <v>31</v>
      </c>
      <c r="B42" s="883">
        <v>-2329</v>
      </c>
      <c r="C42" s="763" t="s">
        <v>293</v>
      </c>
      <c r="D42" s="884" t="s">
        <v>734</v>
      </c>
      <c r="E42" s="883">
        <v>86</v>
      </c>
      <c r="F42" s="883">
        <v>107</v>
      </c>
      <c r="G42" s="883">
        <v>-21</v>
      </c>
      <c r="H42" s="883">
        <v>14</v>
      </c>
      <c r="I42" s="883">
        <v>6</v>
      </c>
      <c r="J42" s="885">
        <v>8</v>
      </c>
      <c r="K42" s="761" t="s">
        <v>44</v>
      </c>
      <c r="L42" s="761" t="s">
        <v>44</v>
      </c>
      <c r="M42" s="762" t="s">
        <v>44</v>
      </c>
      <c r="N42" s="1137">
        <v>-14</v>
      </c>
      <c r="O42" s="885">
        <v>-6</v>
      </c>
      <c r="P42" s="885">
        <v>-8</v>
      </c>
      <c r="Q42" s="885">
        <v>72</v>
      </c>
      <c r="R42" s="885">
        <v>101</v>
      </c>
      <c r="S42" s="885">
        <v>-29</v>
      </c>
      <c r="T42" s="885">
        <v>5</v>
      </c>
      <c r="U42" s="885">
        <v>-23</v>
      </c>
      <c r="V42" s="885">
        <v>28</v>
      </c>
      <c r="W42" s="885">
        <v>-67</v>
      </c>
      <c r="X42" s="885">
        <v>-124</v>
      </c>
      <c r="Y42" s="886">
        <v>57</v>
      </c>
    </row>
    <row r="43" spans="1:25" ht="21" customHeight="1">
      <c r="A43" s="887" t="s">
        <v>734</v>
      </c>
      <c r="B43" s="878">
        <v>8516</v>
      </c>
      <c r="C43" s="756" t="s">
        <v>294</v>
      </c>
      <c r="D43" s="888" t="s">
        <v>735</v>
      </c>
      <c r="E43" s="879">
        <v>-65</v>
      </c>
      <c r="F43" s="879">
        <v>-98</v>
      </c>
      <c r="G43" s="879">
        <v>33</v>
      </c>
      <c r="H43" s="879">
        <v>-56</v>
      </c>
      <c r="I43" s="879">
        <v>-61</v>
      </c>
      <c r="J43" s="879">
        <v>5</v>
      </c>
      <c r="K43" s="889" t="s">
        <v>44</v>
      </c>
      <c r="L43" s="889" t="s">
        <v>44</v>
      </c>
      <c r="M43" s="870" t="s">
        <v>44</v>
      </c>
      <c r="N43" s="1136">
        <v>56</v>
      </c>
      <c r="O43" s="880">
        <v>61</v>
      </c>
      <c r="P43" s="880">
        <v>-5</v>
      </c>
      <c r="Q43" s="880">
        <v>-9</v>
      </c>
      <c r="R43" s="880">
        <v>-37</v>
      </c>
      <c r="S43" s="880">
        <v>28</v>
      </c>
      <c r="T43" s="880">
        <v>223</v>
      </c>
      <c r="U43" s="880">
        <v>77</v>
      </c>
      <c r="V43" s="880">
        <v>146</v>
      </c>
      <c r="W43" s="880">
        <v>232</v>
      </c>
      <c r="X43" s="880">
        <v>114</v>
      </c>
      <c r="Y43" s="878">
        <v>118</v>
      </c>
    </row>
    <row r="44" spans="1:25" ht="21" customHeight="1">
      <c r="A44" s="881" t="s">
        <v>219</v>
      </c>
      <c r="B44" s="878">
        <v>-4390</v>
      </c>
      <c r="C44" s="756" t="s">
        <v>295</v>
      </c>
      <c r="D44" s="888" t="s">
        <v>736</v>
      </c>
      <c r="E44" s="879">
        <v>-133</v>
      </c>
      <c r="F44" s="879">
        <v>-9</v>
      </c>
      <c r="G44" s="879">
        <v>-124</v>
      </c>
      <c r="H44" s="879">
        <v>85</v>
      </c>
      <c r="I44" s="879">
        <v>70</v>
      </c>
      <c r="J44" s="879">
        <v>15</v>
      </c>
      <c r="K44" s="761" t="s">
        <v>44</v>
      </c>
      <c r="L44" s="761" t="s">
        <v>44</v>
      </c>
      <c r="M44" s="762" t="s">
        <v>44</v>
      </c>
      <c r="N44" s="1136">
        <v>-85</v>
      </c>
      <c r="O44" s="880">
        <v>-70</v>
      </c>
      <c r="P44" s="880">
        <v>-15</v>
      </c>
      <c r="Q44" s="880">
        <v>-218</v>
      </c>
      <c r="R44" s="880">
        <v>-79</v>
      </c>
      <c r="S44" s="880">
        <v>-139</v>
      </c>
      <c r="T44" s="880">
        <v>-87</v>
      </c>
      <c r="U44" s="880">
        <v>-12</v>
      </c>
      <c r="V44" s="880">
        <v>-75</v>
      </c>
      <c r="W44" s="880">
        <v>131</v>
      </c>
      <c r="X44" s="880">
        <v>67</v>
      </c>
      <c r="Y44" s="878">
        <v>64</v>
      </c>
    </row>
    <row r="45" spans="1:25" ht="21" customHeight="1">
      <c r="A45" s="882" t="s">
        <v>737</v>
      </c>
      <c r="B45" s="878">
        <v>6126</v>
      </c>
      <c r="C45" s="756" t="s">
        <v>296</v>
      </c>
      <c r="D45" s="888" t="s">
        <v>738</v>
      </c>
      <c r="E45" s="879">
        <v>-94</v>
      </c>
      <c r="F45" s="879">
        <v>-68</v>
      </c>
      <c r="G45" s="879">
        <v>-26</v>
      </c>
      <c r="H45" s="879">
        <v>-85</v>
      </c>
      <c r="I45" s="879">
        <v>-85</v>
      </c>
      <c r="J45" s="879">
        <v>0</v>
      </c>
      <c r="K45" s="761" t="s">
        <v>44</v>
      </c>
      <c r="L45" s="761" t="s">
        <v>44</v>
      </c>
      <c r="M45" s="762" t="s">
        <v>44</v>
      </c>
      <c r="N45" s="1136">
        <v>85</v>
      </c>
      <c r="O45" s="880">
        <v>85</v>
      </c>
      <c r="P45" s="880">
        <v>0</v>
      </c>
      <c r="Q45" s="880">
        <v>-9</v>
      </c>
      <c r="R45" s="880">
        <v>17</v>
      </c>
      <c r="S45" s="880">
        <v>-26</v>
      </c>
      <c r="T45" s="880">
        <v>71</v>
      </c>
      <c r="U45" s="880">
        <v>32</v>
      </c>
      <c r="V45" s="880">
        <v>39</v>
      </c>
      <c r="W45" s="880">
        <v>80</v>
      </c>
      <c r="X45" s="880">
        <v>15</v>
      </c>
      <c r="Y45" s="878">
        <v>65</v>
      </c>
    </row>
    <row r="46" spans="1:25" ht="21" customHeight="1">
      <c r="A46" s="882">
        <v>2</v>
      </c>
      <c r="B46" s="878">
        <v>1856</v>
      </c>
      <c r="C46" s="756" t="s">
        <v>297</v>
      </c>
      <c r="D46" s="888" t="s">
        <v>776</v>
      </c>
      <c r="E46" s="879">
        <v>-99</v>
      </c>
      <c r="F46" s="879">
        <v>-57</v>
      </c>
      <c r="G46" s="879">
        <v>-42</v>
      </c>
      <c r="H46" s="879">
        <v>-102</v>
      </c>
      <c r="I46" s="879">
        <v>-61</v>
      </c>
      <c r="J46" s="879">
        <v>-41</v>
      </c>
      <c r="K46" s="761" t="s">
        <v>44</v>
      </c>
      <c r="L46" s="761" t="s">
        <v>44</v>
      </c>
      <c r="M46" s="762" t="s">
        <v>44</v>
      </c>
      <c r="N46" s="1136">
        <v>102</v>
      </c>
      <c r="O46" s="880">
        <v>61</v>
      </c>
      <c r="P46" s="880">
        <v>41</v>
      </c>
      <c r="Q46" s="880">
        <v>3</v>
      </c>
      <c r="R46" s="880">
        <v>4</v>
      </c>
      <c r="S46" s="880">
        <v>-1</v>
      </c>
      <c r="T46" s="880">
        <v>39</v>
      </c>
      <c r="U46" s="880">
        <v>21</v>
      </c>
      <c r="V46" s="880">
        <v>18</v>
      </c>
      <c r="W46" s="880">
        <v>36</v>
      </c>
      <c r="X46" s="880">
        <v>17</v>
      </c>
      <c r="Y46" s="878">
        <v>19</v>
      </c>
    </row>
    <row r="47" spans="1:25" ht="21" customHeight="1">
      <c r="A47" s="881" t="s">
        <v>148</v>
      </c>
      <c r="B47" s="883">
        <v>1089</v>
      </c>
      <c r="C47" s="763" t="s">
        <v>298</v>
      </c>
      <c r="D47" s="888" t="s">
        <v>777</v>
      </c>
      <c r="E47" s="883">
        <v>-153</v>
      </c>
      <c r="F47" s="883">
        <v>-60</v>
      </c>
      <c r="G47" s="883">
        <v>-93</v>
      </c>
      <c r="H47" s="883">
        <v>-209</v>
      </c>
      <c r="I47" s="883">
        <v>-63</v>
      </c>
      <c r="J47" s="885">
        <v>-146</v>
      </c>
      <c r="K47" s="767" t="s">
        <v>44</v>
      </c>
      <c r="L47" s="767" t="s">
        <v>44</v>
      </c>
      <c r="M47" s="768" t="s">
        <v>44</v>
      </c>
      <c r="N47" s="1137">
        <v>209</v>
      </c>
      <c r="O47" s="885">
        <v>63</v>
      </c>
      <c r="P47" s="885">
        <v>146</v>
      </c>
      <c r="Q47" s="885">
        <v>56</v>
      </c>
      <c r="R47" s="885">
        <v>3</v>
      </c>
      <c r="S47" s="885">
        <v>53</v>
      </c>
      <c r="T47" s="885">
        <v>62</v>
      </c>
      <c r="U47" s="885">
        <v>17</v>
      </c>
      <c r="V47" s="885">
        <v>45</v>
      </c>
      <c r="W47" s="885">
        <v>6</v>
      </c>
      <c r="X47" s="885">
        <v>14</v>
      </c>
      <c r="Y47" s="886">
        <v>-8</v>
      </c>
    </row>
    <row r="48" spans="1:25" ht="21" customHeight="1">
      <c r="A48" s="881" t="s">
        <v>741</v>
      </c>
      <c r="B48" s="883">
        <v>25</v>
      </c>
      <c r="C48" s="763" t="s">
        <v>535</v>
      </c>
      <c r="D48" s="888" t="s">
        <v>741</v>
      </c>
      <c r="E48" s="890">
        <v>-23</v>
      </c>
      <c r="F48" s="890">
        <v>2</v>
      </c>
      <c r="G48" s="890">
        <v>-25</v>
      </c>
      <c r="H48" s="890">
        <v>-31</v>
      </c>
      <c r="I48" s="890">
        <v>-1</v>
      </c>
      <c r="J48" s="891">
        <v>-30</v>
      </c>
      <c r="K48" s="775" t="s">
        <v>44</v>
      </c>
      <c r="L48" s="775" t="s">
        <v>44</v>
      </c>
      <c r="M48" s="776" t="s">
        <v>44</v>
      </c>
      <c r="N48" s="1138">
        <v>31</v>
      </c>
      <c r="O48" s="891">
        <v>1</v>
      </c>
      <c r="P48" s="891">
        <v>30</v>
      </c>
      <c r="Q48" s="891">
        <v>8</v>
      </c>
      <c r="R48" s="891">
        <v>3</v>
      </c>
      <c r="S48" s="891">
        <v>5</v>
      </c>
      <c r="T48" s="891">
        <v>7</v>
      </c>
      <c r="U48" s="891">
        <v>2</v>
      </c>
      <c r="V48" s="891">
        <v>5</v>
      </c>
      <c r="W48" s="891">
        <v>-1</v>
      </c>
      <c r="X48" s="891">
        <v>-1</v>
      </c>
      <c r="Y48" s="892">
        <v>0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38" t="s">
        <v>44</v>
      </c>
      <c r="Q49" s="864" t="s">
        <v>44</v>
      </c>
      <c r="R49" s="838" t="s">
        <v>44</v>
      </c>
      <c r="S49" s="863" t="s">
        <v>44</v>
      </c>
      <c r="T49" s="864" t="s">
        <v>44</v>
      </c>
      <c r="U49" s="838" t="s">
        <v>44</v>
      </c>
      <c r="V49" s="838" t="s">
        <v>44</v>
      </c>
      <c r="W49" s="864" t="s">
        <v>44</v>
      </c>
      <c r="X49" s="838" t="s">
        <v>44</v>
      </c>
      <c r="Y49" s="861" t="s">
        <v>44</v>
      </c>
    </row>
    <row r="50" spans="1:25" ht="15" thickTop="1">
      <c r="A50" s="207" t="s">
        <v>778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779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42-</oddFooter>
    <evenFooter>&amp;C&amp;"ＭＳ ゴシック,太字"&amp;10-43-</even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780</v>
      </c>
      <c r="C1" s="353"/>
      <c r="D1" s="353"/>
      <c r="E1" s="353"/>
      <c r="F1" s="353"/>
      <c r="G1" s="353"/>
      <c r="S1" s="353" t="s">
        <v>781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82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596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783</v>
      </c>
      <c r="L4" s="1321"/>
      <c r="M4" s="1322"/>
      <c r="N4" s="731"/>
      <c r="O4" s="729" t="s">
        <v>597</v>
      </c>
      <c r="P4" s="731"/>
      <c r="Q4" s="1316" t="s">
        <v>464</v>
      </c>
      <c r="R4" s="1317"/>
      <c r="S4" s="1318"/>
      <c r="T4" s="1320" t="s">
        <v>784</v>
      </c>
      <c r="U4" s="1321"/>
      <c r="V4" s="1322"/>
      <c r="W4" s="1320" t="s">
        <v>785</v>
      </c>
      <c r="X4" s="1321"/>
      <c r="Y4" s="1321"/>
    </row>
    <row r="5" spans="1:25" ht="21" customHeight="1">
      <c r="A5" s="731"/>
      <c r="B5" s="731"/>
      <c r="C5" s="1319"/>
      <c r="D5" s="1316" t="s">
        <v>786</v>
      </c>
      <c r="E5" s="1317"/>
      <c r="F5" s="1317"/>
      <c r="G5" s="1318"/>
      <c r="H5" s="1323" t="s">
        <v>787</v>
      </c>
      <c r="I5" s="1324"/>
      <c r="J5" s="1325"/>
      <c r="K5" s="1323" t="s">
        <v>788</v>
      </c>
      <c r="L5" s="1324"/>
      <c r="M5" s="1325"/>
      <c r="N5" s="846"/>
      <c r="O5" s="737" t="s">
        <v>789</v>
      </c>
      <c r="P5" s="846"/>
      <c r="Q5" s="1323" t="s">
        <v>790</v>
      </c>
      <c r="R5" s="1324"/>
      <c r="S5" s="1325"/>
      <c r="T5" s="1323" t="s">
        <v>791</v>
      </c>
      <c r="U5" s="1324"/>
      <c r="V5" s="1325"/>
      <c r="W5" s="1323" t="s">
        <v>792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849" t="s">
        <v>754</v>
      </c>
      <c r="N6" s="729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214" t="s">
        <v>212</v>
      </c>
      <c r="N7" s="853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696219</v>
      </c>
      <c r="C8" s="746" t="s">
        <v>214</v>
      </c>
      <c r="D8" s="854"/>
      <c r="E8" s="745">
        <v>-4891</v>
      </c>
      <c r="F8" s="748">
        <v>-2511</v>
      </c>
      <c r="G8" s="747">
        <v>-2380</v>
      </c>
      <c r="H8" s="745">
        <v>-4839</v>
      </c>
      <c r="I8" s="748">
        <v>-2498</v>
      </c>
      <c r="J8" s="749">
        <v>-2341</v>
      </c>
      <c r="K8" s="745">
        <v>3829</v>
      </c>
      <c r="L8" s="748">
        <v>1972</v>
      </c>
      <c r="M8" s="748">
        <v>1857</v>
      </c>
      <c r="N8" s="749">
        <v>8668</v>
      </c>
      <c r="O8" s="748">
        <v>4470</v>
      </c>
      <c r="P8" s="747">
        <v>4198</v>
      </c>
      <c r="Q8" s="745">
        <v>-52</v>
      </c>
      <c r="R8" s="748">
        <v>-13</v>
      </c>
      <c r="S8" s="749">
        <v>-39</v>
      </c>
      <c r="T8" s="747">
        <v>27976</v>
      </c>
      <c r="U8" s="748">
        <v>15930</v>
      </c>
      <c r="V8" s="747">
        <v>12046</v>
      </c>
      <c r="W8" s="745">
        <v>28028</v>
      </c>
      <c r="X8" s="748">
        <v>15943</v>
      </c>
      <c r="Y8" s="747">
        <v>12085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3"/>
      <c r="N9" s="754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47589</v>
      </c>
      <c r="C10" s="746" t="s">
        <v>725</v>
      </c>
      <c r="D10" s="849"/>
      <c r="E10" s="755">
        <v>4397</v>
      </c>
      <c r="F10" s="758">
        <v>2300</v>
      </c>
      <c r="G10" s="757">
        <v>2097</v>
      </c>
      <c r="H10" s="755">
        <v>3819</v>
      </c>
      <c r="I10" s="758">
        <v>1967</v>
      </c>
      <c r="J10" s="770">
        <v>1852</v>
      </c>
      <c r="K10" s="755">
        <v>3829</v>
      </c>
      <c r="L10" s="755">
        <v>1972</v>
      </c>
      <c r="M10" s="759">
        <v>1857</v>
      </c>
      <c r="N10" s="770">
        <v>10</v>
      </c>
      <c r="O10" s="755">
        <v>5</v>
      </c>
      <c r="P10" s="755">
        <v>5</v>
      </c>
      <c r="Q10" s="755">
        <v>578</v>
      </c>
      <c r="R10" s="758">
        <v>333</v>
      </c>
      <c r="S10" s="770">
        <v>245</v>
      </c>
      <c r="T10" s="755">
        <v>2590</v>
      </c>
      <c r="U10" s="755">
        <v>1338</v>
      </c>
      <c r="V10" s="755">
        <v>1252</v>
      </c>
      <c r="W10" s="755">
        <v>2012</v>
      </c>
      <c r="X10" s="755">
        <v>1005</v>
      </c>
      <c r="Y10" s="755">
        <v>1007</v>
      </c>
    </row>
    <row r="11" spans="1:25" ht="21" customHeight="1">
      <c r="A11" s="849" t="s">
        <v>219</v>
      </c>
      <c r="B11" s="757">
        <v>61823</v>
      </c>
      <c r="C11" s="756" t="s">
        <v>290</v>
      </c>
      <c r="D11" s="849" t="s">
        <v>518</v>
      </c>
      <c r="E11" s="755">
        <v>760</v>
      </c>
      <c r="F11" s="758">
        <v>692</v>
      </c>
      <c r="G11" s="757">
        <v>68</v>
      </c>
      <c r="H11" s="755">
        <v>-9</v>
      </c>
      <c r="I11" s="758">
        <v>-4</v>
      </c>
      <c r="J11" s="770">
        <v>-5</v>
      </c>
      <c r="K11" s="761" t="s">
        <v>44</v>
      </c>
      <c r="L11" s="762" t="s">
        <v>44</v>
      </c>
      <c r="M11" s="762" t="s">
        <v>44</v>
      </c>
      <c r="N11" s="770">
        <v>9</v>
      </c>
      <c r="O11" s="755">
        <v>4</v>
      </c>
      <c r="P11" s="755">
        <v>5</v>
      </c>
      <c r="Q11" s="755">
        <v>769</v>
      </c>
      <c r="R11" s="758">
        <v>696</v>
      </c>
      <c r="S11" s="770">
        <v>73</v>
      </c>
      <c r="T11" s="755">
        <v>3493</v>
      </c>
      <c r="U11" s="755">
        <v>2621</v>
      </c>
      <c r="V11" s="755">
        <v>872</v>
      </c>
      <c r="W11" s="755">
        <v>2724</v>
      </c>
      <c r="X11" s="755">
        <v>1925</v>
      </c>
      <c r="Y11" s="755">
        <v>799</v>
      </c>
    </row>
    <row r="12" spans="1:25" ht="21" customHeight="1">
      <c r="A12" s="849" t="s">
        <v>755</v>
      </c>
      <c r="B12" s="757">
        <v>58856</v>
      </c>
      <c r="C12" s="756" t="s">
        <v>291</v>
      </c>
      <c r="D12" s="849" t="s">
        <v>520</v>
      </c>
      <c r="E12" s="755">
        <v>-1981</v>
      </c>
      <c r="F12" s="758">
        <v>-1242</v>
      </c>
      <c r="G12" s="757">
        <v>-739</v>
      </c>
      <c r="H12" s="755">
        <v>-23</v>
      </c>
      <c r="I12" s="758">
        <v>-16</v>
      </c>
      <c r="J12" s="770">
        <v>-7</v>
      </c>
      <c r="K12" s="761" t="s">
        <v>44</v>
      </c>
      <c r="L12" s="762" t="s">
        <v>44</v>
      </c>
      <c r="M12" s="762" t="s">
        <v>44</v>
      </c>
      <c r="N12" s="770">
        <v>23</v>
      </c>
      <c r="O12" s="755">
        <v>16</v>
      </c>
      <c r="P12" s="755">
        <v>7</v>
      </c>
      <c r="Q12" s="755">
        <v>-1958</v>
      </c>
      <c r="R12" s="758">
        <v>-1226</v>
      </c>
      <c r="S12" s="770">
        <v>-732</v>
      </c>
      <c r="T12" s="755">
        <v>7957</v>
      </c>
      <c r="U12" s="755">
        <v>4643</v>
      </c>
      <c r="V12" s="755">
        <v>3314</v>
      </c>
      <c r="W12" s="755">
        <v>9915</v>
      </c>
      <c r="X12" s="755">
        <v>5869</v>
      </c>
      <c r="Y12" s="755">
        <v>4046</v>
      </c>
    </row>
    <row r="13" spans="1:25" ht="21" customHeight="1">
      <c r="A13" s="856">
        <v>2</v>
      </c>
      <c r="B13" s="757">
        <v>64404</v>
      </c>
      <c r="C13" s="756" t="s">
        <v>292</v>
      </c>
      <c r="D13" s="856">
        <v>31</v>
      </c>
      <c r="E13" s="755">
        <v>306</v>
      </c>
      <c r="F13" s="758">
        <v>103</v>
      </c>
      <c r="G13" s="757">
        <v>203</v>
      </c>
      <c r="H13" s="755">
        <v>-44</v>
      </c>
      <c r="I13" s="758">
        <v>-26</v>
      </c>
      <c r="J13" s="770">
        <v>-18</v>
      </c>
      <c r="K13" s="761" t="s">
        <v>44</v>
      </c>
      <c r="L13" s="762" t="s">
        <v>44</v>
      </c>
      <c r="M13" s="762" t="s">
        <v>44</v>
      </c>
      <c r="N13" s="770">
        <v>44</v>
      </c>
      <c r="O13" s="755">
        <v>26</v>
      </c>
      <c r="P13" s="755">
        <v>18</v>
      </c>
      <c r="Q13" s="755">
        <v>350</v>
      </c>
      <c r="R13" s="758">
        <v>129</v>
      </c>
      <c r="S13" s="770">
        <v>221</v>
      </c>
      <c r="T13" s="755">
        <v>5782</v>
      </c>
      <c r="U13" s="755">
        <v>3091</v>
      </c>
      <c r="V13" s="755">
        <v>2691</v>
      </c>
      <c r="W13" s="755">
        <v>5432</v>
      </c>
      <c r="X13" s="755">
        <v>2962</v>
      </c>
      <c r="Y13" s="755">
        <v>2470</v>
      </c>
    </row>
    <row r="14" spans="1:25" ht="21" customHeight="1">
      <c r="A14" s="849" t="s">
        <v>148</v>
      </c>
      <c r="B14" s="766">
        <v>102549</v>
      </c>
      <c r="C14" s="763" t="s">
        <v>293</v>
      </c>
      <c r="D14" s="849" t="s">
        <v>756</v>
      </c>
      <c r="E14" s="766">
        <v>31</v>
      </c>
      <c r="F14" s="765">
        <v>-74</v>
      </c>
      <c r="G14" s="764">
        <v>105</v>
      </c>
      <c r="H14" s="766">
        <v>-123</v>
      </c>
      <c r="I14" s="765">
        <v>-65</v>
      </c>
      <c r="J14" s="771">
        <v>-58</v>
      </c>
      <c r="K14" s="767" t="s">
        <v>44</v>
      </c>
      <c r="L14" s="768" t="s">
        <v>44</v>
      </c>
      <c r="M14" s="768" t="s">
        <v>44</v>
      </c>
      <c r="N14" s="771">
        <v>123</v>
      </c>
      <c r="O14" s="766">
        <v>65</v>
      </c>
      <c r="P14" s="766">
        <v>58</v>
      </c>
      <c r="Q14" s="766">
        <v>154</v>
      </c>
      <c r="R14" s="765">
        <v>-9</v>
      </c>
      <c r="S14" s="771">
        <v>163</v>
      </c>
      <c r="T14" s="765">
        <v>3455</v>
      </c>
      <c r="U14" s="766">
        <v>1888</v>
      </c>
      <c r="V14" s="766">
        <v>1567</v>
      </c>
      <c r="W14" s="755">
        <v>3301</v>
      </c>
      <c r="X14" s="766">
        <v>1897</v>
      </c>
      <c r="Y14" s="766">
        <v>1404</v>
      </c>
    </row>
    <row r="15" spans="1:25" ht="21" customHeight="1">
      <c r="A15" s="856" t="s">
        <v>757</v>
      </c>
      <c r="B15" s="757">
        <v>95643</v>
      </c>
      <c r="C15" s="756" t="s">
        <v>294</v>
      </c>
      <c r="D15" s="849" t="s">
        <v>219</v>
      </c>
      <c r="E15" s="755">
        <v>-77</v>
      </c>
      <c r="F15" s="758">
        <v>-90</v>
      </c>
      <c r="G15" s="757">
        <v>13</v>
      </c>
      <c r="H15" s="755">
        <v>-294</v>
      </c>
      <c r="I15" s="758">
        <v>-195</v>
      </c>
      <c r="J15" s="770">
        <v>-99</v>
      </c>
      <c r="K15" s="761" t="s">
        <v>44</v>
      </c>
      <c r="L15" s="762" t="s">
        <v>44</v>
      </c>
      <c r="M15" s="762" t="s">
        <v>44</v>
      </c>
      <c r="N15" s="770">
        <v>294</v>
      </c>
      <c r="O15" s="755">
        <v>195</v>
      </c>
      <c r="P15" s="755">
        <v>99</v>
      </c>
      <c r="Q15" s="755">
        <v>217</v>
      </c>
      <c r="R15" s="758">
        <v>105</v>
      </c>
      <c r="S15" s="770">
        <v>112</v>
      </c>
      <c r="T15" s="759">
        <v>2045</v>
      </c>
      <c r="U15" s="755">
        <v>1162</v>
      </c>
      <c r="V15" s="755">
        <v>883</v>
      </c>
      <c r="W15" s="759">
        <v>1828</v>
      </c>
      <c r="X15" s="755">
        <v>1057</v>
      </c>
      <c r="Y15" s="755">
        <v>771</v>
      </c>
    </row>
    <row r="16" spans="1:25" ht="21" customHeight="1">
      <c r="A16" s="849" t="s">
        <v>523</v>
      </c>
      <c r="B16" s="757">
        <v>86019</v>
      </c>
      <c r="C16" s="756" t="s">
        <v>295</v>
      </c>
      <c r="D16" s="849" t="s">
        <v>221</v>
      </c>
      <c r="E16" s="755">
        <v>-515</v>
      </c>
      <c r="F16" s="758">
        <v>-337</v>
      </c>
      <c r="G16" s="757">
        <v>-178</v>
      </c>
      <c r="H16" s="755">
        <v>-613</v>
      </c>
      <c r="I16" s="758">
        <v>-388</v>
      </c>
      <c r="J16" s="770">
        <v>-225</v>
      </c>
      <c r="K16" s="761" t="s">
        <v>44</v>
      </c>
      <c r="L16" s="762" t="s">
        <v>44</v>
      </c>
      <c r="M16" s="762" t="s">
        <v>44</v>
      </c>
      <c r="N16" s="770">
        <v>613</v>
      </c>
      <c r="O16" s="755">
        <v>388</v>
      </c>
      <c r="P16" s="755">
        <v>225</v>
      </c>
      <c r="Q16" s="755">
        <v>98</v>
      </c>
      <c r="R16" s="758">
        <v>51</v>
      </c>
      <c r="S16" s="770">
        <v>47</v>
      </c>
      <c r="T16" s="755">
        <v>1138</v>
      </c>
      <c r="U16" s="755">
        <v>621</v>
      </c>
      <c r="V16" s="755">
        <v>517</v>
      </c>
      <c r="W16" s="755">
        <v>1040</v>
      </c>
      <c r="X16" s="755">
        <v>570</v>
      </c>
      <c r="Y16" s="755">
        <v>470</v>
      </c>
    </row>
    <row r="17" spans="1:25" ht="21" customHeight="1">
      <c r="A17" s="856" t="s">
        <v>533</v>
      </c>
      <c r="B17" s="757">
        <v>103580</v>
      </c>
      <c r="C17" s="756" t="s">
        <v>296</v>
      </c>
      <c r="D17" s="849" t="s">
        <v>729</v>
      </c>
      <c r="E17" s="755">
        <v>-1860</v>
      </c>
      <c r="F17" s="758">
        <v>-1161</v>
      </c>
      <c r="G17" s="878">
        <v>-699</v>
      </c>
      <c r="H17" s="755">
        <v>-1708</v>
      </c>
      <c r="I17" s="758">
        <v>-1121</v>
      </c>
      <c r="J17" s="770">
        <v>-587</v>
      </c>
      <c r="K17" s="761" t="s">
        <v>44</v>
      </c>
      <c r="L17" s="762" t="s">
        <v>44</v>
      </c>
      <c r="M17" s="762" t="s">
        <v>44</v>
      </c>
      <c r="N17" s="770">
        <v>1708</v>
      </c>
      <c r="O17" s="755">
        <v>1121</v>
      </c>
      <c r="P17" s="755">
        <v>587</v>
      </c>
      <c r="Q17" s="755">
        <v>-152</v>
      </c>
      <c r="R17" s="758">
        <v>-40</v>
      </c>
      <c r="S17" s="770">
        <v>-112</v>
      </c>
      <c r="T17" s="755">
        <v>747</v>
      </c>
      <c r="U17" s="755">
        <v>339</v>
      </c>
      <c r="V17" s="755">
        <v>408</v>
      </c>
      <c r="W17" s="755">
        <v>899</v>
      </c>
      <c r="X17" s="755">
        <v>379</v>
      </c>
      <c r="Y17" s="755">
        <v>520</v>
      </c>
    </row>
    <row r="18" spans="1:25" ht="21" customHeight="1">
      <c r="A18" s="849" t="s">
        <v>526</v>
      </c>
      <c r="B18" s="757">
        <v>58417</v>
      </c>
      <c r="C18" s="756" t="s">
        <v>297</v>
      </c>
      <c r="D18" s="849" t="s">
        <v>793</v>
      </c>
      <c r="E18" s="755">
        <v>-3339</v>
      </c>
      <c r="F18" s="758">
        <v>-1824</v>
      </c>
      <c r="G18" s="757">
        <v>-1515</v>
      </c>
      <c r="H18" s="755">
        <v>-3267</v>
      </c>
      <c r="I18" s="758">
        <v>-1790</v>
      </c>
      <c r="J18" s="770">
        <v>-1477</v>
      </c>
      <c r="K18" s="761" t="s">
        <v>44</v>
      </c>
      <c r="L18" s="762" t="s">
        <v>44</v>
      </c>
      <c r="M18" s="762" t="s">
        <v>44</v>
      </c>
      <c r="N18" s="770">
        <v>3267</v>
      </c>
      <c r="O18" s="755">
        <v>1790</v>
      </c>
      <c r="P18" s="755">
        <v>1477</v>
      </c>
      <c r="Q18" s="755">
        <v>-72</v>
      </c>
      <c r="R18" s="758">
        <v>-34</v>
      </c>
      <c r="S18" s="770">
        <v>-38</v>
      </c>
      <c r="T18" s="755">
        <v>571</v>
      </c>
      <c r="U18" s="755">
        <v>180</v>
      </c>
      <c r="V18" s="755">
        <v>391</v>
      </c>
      <c r="W18" s="755">
        <v>643</v>
      </c>
      <c r="X18" s="755">
        <v>214</v>
      </c>
      <c r="Y18" s="755">
        <v>429</v>
      </c>
    </row>
    <row r="19" spans="1:25" ht="21" customHeight="1">
      <c r="A19" s="849" t="s">
        <v>528</v>
      </c>
      <c r="B19" s="766">
        <v>14030</v>
      </c>
      <c r="C19" s="763" t="s">
        <v>298</v>
      </c>
      <c r="D19" s="849" t="s">
        <v>794</v>
      </c>
      <c r="E19" s="766">
        <v>-2388</v>
      </c>
      <c r="F19" s="765">
        <v>-838</v>
      </c>
      <c r="G19" s="764">
        <v>-1550</v>
      </c>
      <c r="H19" s="766">
        <v>-2351</v>
      </c>
      <c r="I19" s="765">
        <v>-820</v>
      </c>
      <c r="J19" s="771">
        <v>-1531</v>
      </c>
      <c r="K19" s="767" t="s">
        <v>44</v>
      </c>
      <c r="L19" s="768" t="s">
        <v>44</v>
      </c>
      <c r="M19" s="768" t="s">
        <v>44</v>
      </c>
      <c r="N19" s="770">
        <v>2351</v>
      </c>
      <c r="O19" s="766">
        <v>820</v>
      </c>
      <c r="P19" s="766">
        <v>1531</v>
      </c>
      <c r="Q19" s="766">
        <v>-37</v>
      </c>
      <c r="R19" s="765">
        <v>-18</v>
      </c>
      <c r="S19" s="771">
        <v>-19</v>
      </c>
      <c r="T19" s="755">
        <v>192</v>
      </c>
      <c r="U19" s="766">
        <v>45</v>
      </c>
      <c r="V19" s="766">
        <v>147</v>
      </c>
      <c r="W19" s="755">
        <v>229</v>
      </c>
      <c r="X19" s="766">
        <v>63</v>
      </c>
      <c r="Y19" s="766">
        <v>166</v>
      </c>
    </row>
    <row r="20" spans="1:25" ht="21" customHeight="1">
      <c r="A20" s="849" t="s">
        <v>530</v>
      </c>
      <c r="B20" s="766">
        <v>630</v>
      </c>
      <c r="C20" s="763" t="s">
        <v>535</v>
      </c>
      <c r="D20" s="857"/>
      <c r="E20" s="765">
        <v>-225</v>
      </c>
      <c r="F20" s="765">
        <v>-40</v>
      </c>
      <c r="G20" s="766">
        <v>-185</v>
      </c>
      <c r="H20" s="766">
        <v>-226</v>
      </c>
      <c r="I20" s="765">
        <v>-40</v>
      </c>
      <c r="J20" s="771">
        <v>-186</v>
      </c>
      <c r="K20" s="767" t="s">
        <v>44</v>
      </c>
      <c r="L20" s="768" t="s">
        <v>44</v>
      </c>
      <c r="M20" s="768" t="s">
        <v>44</v>
      </c>
      <c r="N20" s="777">
        <v>226</v>
      </c>
      <c r="O20" s="778">
        <v>40</v>
      </c>
      <c r="P20" s="778">
        <v>186</v>
      </c>
      <c r="Q20" s="778">
        <v>1</v>
      </c>
      <c r="R20" s="773">
        <v>0</v>
      </c>
      <c r="S20" s="773">
        <v>1</v>
      </c>
      <c r="T20" s="773">
        <v>6</v>
      </c>
      <c r="U20" s="778">
        <v>2</v>
      </c>
      <c r="V20" s="778">
        <v>4</v>
      </c>
      <c r="W20" s="759">
        <v>5</v>
      </c>
      <c r="X20" s="778">
        <v>2</v>
      </c>
      <c r="Y20" s="778">
        <v>3</v>
      </c>
    </row>
    <row r="21" spans="1:25" ht="21" customHeight="1" thickBot="1">
      <c r="A21" s="858"/>
      <c r="B21" s="896">
        <v>2679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4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4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701110</v>
      </c>
      <c r="C22" s="746" t="s">
        <v>214</v>
      </c>
      <c r="D22" s="849"/>
      <c r="E22" s="865">
        <v>-4254</v>
      </c>
      <c r="F22" s="897">
        <v>-2092</v>
      </c>
      <c r="G22" s="898">
        <v>-2162</v>
      </c>
      <c r="H22" s="865">
        <v>-4340</v>
      </c>
      <c r="I22" s="897">
        <v>-2258</v>
      </c>
      <c r="J22" s="899">
        <v>-2082</v>
      </c>
      <c r="K22" s="865">
        <v>4045</v>
      </c>
      <c r="L22" s="897">
        <v>2065</v>
      </c>
      <c r="M22" s="897">
        <v>1980</v>
      </c>
      <c r="N22" s="899">
        <v>8385</v>
      </c>
      <c r="O22" s="897">
        <v>4323</v>
      </c>
      <c r="P22" s="898">
        <v>4062</v>
      </c>
      <c r="Q22" s="865">
        <v>86</v>
      </c>
      <c r="R22" s="897">
        <v>166</v>
      </c>
      <c r="S22" s="899">
        <v>-80</v>
      </c>
      <c r="T22" s="898">
        <v>27598</v>
      </c>
      <c r="U22" s="897">
        <v>15753</v>
      </c>
      <c r="V22" s="898">
        <v>11845</v>
      </c>
      <c r="W22" s="865">
        <v>27512</v>
      </c>
      <c r="X22" s="897">
        <v>15587</v>
      </c>
      <c r="Y22" s="898">
        <v>11925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8"/>
      <c r="G23" s="866"/>
      <c r="H23" s="767"/>
      <c r="I23" s="768"/>
      <c r="J23" s="867"/>
      <c r="K23" s="767"/>
      <c r="L23" s="768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48576</v>
      </c>
      <c r="C24" s="746" t="s">
        <v>725</v>
      </c>
      <c r="D24" s="849"/>
      <c r="E24" s="879">
        <v>4523</v>
      </c>
      <c r="F24" s="880">
        <v>2377</v>
      </c>
      <c r="G24" s="878">
        <v>2146</v>
      </c>
      <c r="H24" s="879">
        <v>4034</v>
      </c>
      <c r="I24" s="880">
        <v>2063</v>
      </c>
      <c r="J24" s="1136">
        <v>1971</v>
      </c>
      <c r="K24" s="879">
        <v>4045</v>
      </c>
      <c r="L24" s="879">
        <v>2065</v>
      </c>
      <c r="M24" s="880">
        <v>1980</v>
      </c>
      <c r="N24" s="1136">
        <v>11</v>
      </c>
      <c r="O24" s="879">
        <v>2</v>
      </c>
      <c r="P24" s="879">
        <v>9</v>
      </c>
      <c r="Q24" s="879">
        <v>489</v>
      </c>
      <c r="R24" s="880">
        <v>314</v>
      </c>
      <c r="S24" s="1136">
        <v>175</v>
      </c>
      <c r="T24" s="878">
        <v>2516</v>
      </c>
      <c r="U24" s="879">
        <v>1361</v>
      </c>
      <c r="V24" s="879">
        <v>1155</v>
      </c>
      <c r="W24" s="879">
        <v>2027</v>
      </c>
      <c r="X24" s="879">
        <v>1047</v>
      </c>
      <c r="Y24" s="879">
        <v>980</v>
      </c>
    </row>
    <row r="25" spans="1:25" ht="21" customHeight="1">
      <c r="A25" s="849" t="s">
        <v>518</v>
      </c>
      <c r="B25" s="900">
        <v>62635</v>
      </c>
      <c r="C25" s="756" t="s">
        <v>290</v>
      </c>
      <c r="D25" s="849" t="s">
        <v>518</v>
      </c>
      <c r="E25" s="879">
        <v>764</v>
      </c>
      <c r="F25" s="880">
        <v>617</v>
      </c>
      <c r="G25" s="878">
        <v>147</v>
      </c>
      <c r="H25" s="879">
        <v>-7</v>
      </c>
      <c r="I25" s="880">
        <v>-5</v>
      </c>
      <c r="J25" s="1136">
        <v>-2</v>
      </c>
      <c r="K25" s="879" t="s">
        <v>44</v>
      </c>
      <c r="L25" s="880" t="s">
        <v>44</v>
      </c>
      <c r="M25" s="880" t="s">
        <v>44</v>
      </c>
      <c r="N25" s="1136">
        <v>7</v>
      </c>
      <c r="O25" s="879">
        <v>5</v>
      </c>
      <c r="P25" s="879">
        <v>2</v>
      </c>
      <c r="Q25" s="879">
        <v>771</v>
      </c>
      <c r="R25" s="880">
        <v>622</v>
      </c>
      <c r="S25" s="1136">
        <v>149</v>
      </c>
      <c r="T25" s="878">
        <v>3449</v>
      </c>
      <c r="U25" s="879">
        <v>2491</v>
      </c>
      <c r="V25" s="879">
        <v>958</v>
      </c>
      <c r="W25" s="879">
        <v>2678</v>
      </c>
      <c r="X25" s="879">
        <v>1869</v>
      </c>
      <c r="Y25" s="879">
        <v>809</v>
      </c>
    </row>
    <row r="26" spans="1:25" ht="21" customHeight="1">
      <c r="A26" s="849" t="s">
        <v>520</v>
      </c>
      <c r="B26" s="900">
        <v>59431</v>
      </c>
      <c r="C26" s="756" t="s">
        <v>291</v>
      </c>
      <c r="D26" s="849" t="s">
        <v>520</v>
      </c>
      <c r="E26" s="879">
        <v>-1541</v>
      </c>
      <c r="F26" s="880">
        <v>-827</v>
      </c>
      <c r="G26" s="878">
        <v>-714</v>
      </c>
      <c r="H26" s="879">
        <v>-24</v>
      </c>
      <c r="I26" s="880">
        <v>-17</v>
      </c>
      <c r="J26" s="1136">
        <v>-7</v>
      </c>
      <c r="K26" s="879" t="s">
        <v>44</v>
      </c>
      <c r="L26" s="880" t="s">
        <v>44</v>
      </c>
      <c r="M26" s="880" t="s">
        <v>44</v>
      </c>
      <c r="N26" s="1136">
        <v>24</v>
      </c>
      <c r="O26" s="879">
        <v>17</v>
      </c>
      <c r="P26" s="879">
        <v>7</v>
      </c>
      <c r="Q26" s="879">
        <v>-1517</v>
      </c>
      <c r="R26" s="880">
        <v>-810</v>
      </c>
      <c r="S26" s="1136">
        <v>-707</v>
      </c>
      <c r="T26" s="878">
        <v>7798</v>
      </c>
      <c r="U26" s="879">
        <v>4667</v>
      </c>
      <c r="V26" s="879">
        <v>3131</v>
      </c>
      <c r="W26" s="879">
        <v>9315</v>
      </c>
      <c r="X26" s="879">
        <v>5477</v>
      </c>
      <c r="Y26" s="879">
        <v>3838</v>
      </c>
    </row>
    <row r="27" spans="1:25" ht="21" customHeight="1">
      <c r="A27" s="856">
        <v>31</v>
      </c>
      <c r="B27" s="900">
        <v>66697</v>
      </c>
      <c r="C27" s="756" t="s">
        <v>292</v>
      </c>
      <c r="D27" s="856">
        <v>30</v>
      </c>
      <c r="E27" s="879">
        <v>-69</v>
      </c>
      <c r="F27" s="880">
        <v>-114</v>
      </c>
      <c r="G27" s="878">
        <v>45</v>
      </c>
      <c r="H27" s="879">
        <v>-46</v>
      </c>
      <c r="I27" s="880">
        <v>-31</v>
      </c>
      <c r="J27" s="1136">
        <v>-15</v>
      </c>
      <c r="K27" s="879" t="s">
        <v>44</v>
      </c>
      <c r="L27" s="880" t="s">
        <v>44</v>
      </c>
      <c r="M27" s="880" t="s">
        <v>44</v>
      </c>
      <c r="N27" s="1136">
        <v>46</v>
      </c>
      <c r="O27" s="879">
        <v>31</v>
      </c>
      <c r="P27" s="879">
        <v>15</v>
      </c>
      <c r="Q27" s="879">
        <v>-23</v>
      </c>
      <c r="R27" s="880">
        <v>-83</v>
      </c>
      <c r="S27" s="1136">
        <v>60</v>
      </c>
      <c r="T27" s="878">
        <v>5597</v>
      </c>
      <c r="U27" s="879">
        <v>2925</v>
      </c>
      <c r="V27" s="879">
        <v>2672</v>
      </c>
      <c r="W27" s="879">
        <v>5620</v>
      </c>
      <c r="X27" s="879">
        <v>3008</v>
      </c>
      <c r="Y27" s="879">
        <v>2612</v>
      </c>
    </row>
    <row r="28" spans="1:25" ht="21" customHeight="1">
      <c r="A28" s="849" t="s">
        <v>148</v>
      </c>
      <c r="B28" s="901">
        <v>105367</v>
      </c>
      <c r="C28" s="763" t="s">
        <v>293</v>
      </c>
      <c r="D28" s="849" t="s">
        <v>148</v>
      </c>
      <c r="E28" s="883">
        <v>191</v>
      </c>
      <c r="F28" s="885">
        <v>48</v>
      </c>
      <c r="G28" s="886">
        <v>143</v>
      </c>
      <c r="H28" s="883">
        <v>-130</v>
      </c>
      <c r="I28" s="885">
        <v>-74</v>
      </c>
      <c r="J28" s="1137">
        <v>-56</v>
      </c>
      <c r="K28" s="883" t="s">
        <v>44</v>
      </c>
      <c r="L28" s="885" t="s">
        <v>44</v>
      </c>
      <c r="M28" s="885" t="s">
        <v>44</v>
      </c>
      <c r="N28" s="1137">
        <v>130</v>
      </c>
      <c r="O28" s="883">
        <v>74</v>
      </c>
      <c r="P28" s="883">
        <v>56</v>
      </c>
      <c r="Q28" s="883">
        <v>321</v>
      </c>
      <c r="R28" s="885">
        <v>122</v>
      </c>
      <c r="S28" s="1137">
        <v>199</v>
      </c>
      <c r="T28" s="886">
        <v>3637</v>
      </c>
      <c r="U28" s="883">
        <v>1958</v>
      </c>
      <c r="V28" s="883">
        <v>1679</v>
      </c>
      <c r="W28" s="883">
        <v>3316</v>
      </c>
      <c r="X28" s="883">
        <v>1836</v>
      </c>
      <c r="Y28" s="883">
        <v>1480</v>
      </c>
    </row>
    <row r="29" spans="1:25" ht="21" customHeight="1">
      <c r="A29" s="856" t="s">
        <v>533</v>
      </c>
      <c r="B29" s="900">
        <v>92858</v>
      </c>
      <c r="C29" s="756" t="s">
        <v>294</v>
      </c>
      <c r="D29" s="849" t="s">
        <v>534</v>
      </c>
      <c r="E29" s="879">
        <v>-163</v>
      </c>
      <c r="F29" s="880">
        <v>-151</v>
      </c>
      <c r="G29" s="878">
        <v>-12</v>
      </c>
      <c r="H29" s="879">
        <v>-290</v>
      </c>
      <c r="I29" s="880">
        <v>-191</v>
      </c>
      <c r="J29" s="1136">
        <v>-99</v>
      </c>
      <c r="K29" s="879" t="s">
        <v>44</v>
      </c>
      <c r="L29" s="880" t="s">
        <v>44</v>
      </c>
      <c r="M29" s="880" t="s">
        <v>44</v>
      </c>
      <c r="N29" s="1136">
        <v>290</v>
      </c>
      <c r="O29" s="879">
        <v>191</v>
      </c>
      <c r="P29" s="879">
        <v>99</v>
      </c>
      <c r="Q29" s="879">
        <v>127</v>
      </c>
      <c r="R29" s="880">
        <v>40</v>
      </c>
      <c r="S29" s="1136">
        <v>87</v>
      </c>
      <c r="T29" s="878">
        <v>1987</v>
      </c>
      <c r="U29" s="879">
        <v>1148</v>
      </c>
      <c r="V29" s="879">
        <v>839</v>
      </c>
      <c r="W29" s="879">
        <v>1860</v>
      </c>
      <c r="X29" s="879">
        <v>1108</v>
      </c>
      <c r="Y29" s="879">
        <v>752</v>
      </c>
    </row>
    <row r="30" spans="1:25" ht="21" customHeight="1">
      <c r="A30" s="849" t="s">
        <v>523</v>
      </c>
      <c r="B30" s="900">
        <v>91084</v>
      </c>
      <c r="C30" s="756" t="s">
        <v>295</v>
      </c>
      <c r="D30" s="849"/>
      <c r="E30" s="879">
        <v>-603</v>
      </c>
      <c r="F30" s="880">
        <v>-440</v>
      </c>
      <c r="G30" s="878">
        <v>-163</v>
      </c>
      <c r="H30" s="879">
        <v>-661</v>
      </c>
      <c r="I30" s="880">
        <v>-470</v>
      </c>
      <c r="J30" s="1136">
        <v>-191</v>
      </c>
      <c r="K30" s="879" t="s">
        <v>44</v>
      </c>
      <c r="L30" s="880" t="s">
        <v>44</v>
      </c>
      <c r="M30" s="880" t="s">
        <v>44</v>
      </c>
      <c r="N30" s="1136">
        <v>661</v>
      </c>
      <c r="O30" s="879">
        <v>470</v>
      </c>
      <c r="P30" s="879">
        <v>191</v>
      </c>
      <c r="Q30" s="879">
        <v>58</v>
      </c>
      <c r="R30" s="880">
        <v>30</v>
      </c>
      <c r="S30" s="1136">
        <v>28</v>
      </c>
      <c r="T30" s="878">
        <v>1114</v>
      </c>
      <c r="U30" s="879">
        <v>632</v>
      </c>
      <c r="V30" s="879">
        <v>482</v>
      </c>
      <c r="W30" s="879">
        <v>1056</v>
      </c>
      <c r="X30" s="879">
        <v>602</v>
      </c>
      <c r="Y30" s="879">
        <v>454</v>
      </c>
    </row>
    <row r="31" spans="1:25" ht="21" customHeight="1">
      <c r="A31" s="856" t="s">
        <v>533</v>
      </c>
      <c r="B31" s="900">
        <v>100498</v>
      </c>
      <c r="C31" s="756" t="s">
        <v>296</v>
      </c>
      <c r="D31" s="849"/>
      <c r="E31" s="879">
        <v>-1752</v>
      </c>
      <c r="F31" s="880">
        <v>-1132</v>
      </c>
      <c r="G31" s="878">
        <v>-620</v>
      </c>
      <c r="H31" s="879">
        <v>-1710</v>
      </c>
      <c r="I31" s="880">
        <v>-1106</v>
      </c>
      <c r="J31" s="1136">
        <v>-604</v>
      </c>
      <c r="K31" s="879" t="s">
        <v>44</v>
      </c>
      <c r="L31" s="880" t="s">
        <v>44</v>
      </c>
      <c r="M31" s="880" t="s">
        <v>44</v>
      </c>
      <c r="N31" s="1136">
        <v>1710</v>
      </c>
      <c r="O31" s="879">
        <v>1106</v>
      </c>
      <c r="P31" s="879">
        <v>604</v>
      </c>
      <c r="Q31" s="879">
        <v>-42</v>
      </c>
      <c r="R31" s="880">
        <v>-26</v>
      </c>
      <c r="S31" s="1136">
        <v>-16</v>
      </c>
      <c r="T31" s="878">
        <v>782</v>
      </c>
      <c r="U31" s="879">
        <v>352</v>
      </c>
      <c r="V31" s="879">
        <v>430</v>
      </c>
      <c r="W31" s="879">
        <v>824</v>
      </c>
      <c r="X31" s="879">
        <v>378</v>
      </c>
      <c r="Y31" s="879">
        <v>446</v>
      </c>
    </row>
    <row r="32" spans="1:25" ht="21" customHeight="1">
      <c r="A32" s="849" t="s">
        <v>526</v>
      </c>
      <c r="B32" s="900">
        <v>57352</v>
      </c>
      <c r="C32" s="756" t="s">
        <v>297</v>
      </c>
      <c r="D32" s="849"/>
      <c r="E32" s="879">
        <v>-3215</v>
      </c>
      <c r="F32" s="880">
        <v>-1724</v>
      </c>
      <c r="G32" s="878">
        <v>-1491</v>
      </c>
      <c r="H32" s="879">
        <v>-3141</v>
      </c>
      <c r="I32" s="880">
        <v>-1688</v>
      </c>
      <c r="J32" s="1136">
        <v>-1453</v>
      </c>
      <c r="K32" s="879" t="s">
        <v>44</v>
      </c>
      <c r="L32" s="880" t="s">
        <v>44</v>
      </c>
      <c r="M32" s="880" t="s">
        <v>44</v>
      </c>
      <c r="N32" s="1136">
        <v>3141</v>
      </c>
      <c r="O32" s="879">
        <v>1688</v>
      </c>
      <c r="P32" s="879">
        <v>1453</v>
      </c>
      <c r="Q32" s="879">
        <v>-74</v>
      </c>
      <c r="R32" s="880">
        <v>-36</v>
      </c>
      <c r="S32" s="1136">
        <v>-38</v>
      </c>
      <c r="T32" s="878">
        <v>541</v>
      </c>
      <c r="U32" s="879">
        <v>178</v>
      </c>
      <c r="V32" s="879">
        <v>363</v>
      </c>
      <c r="W32" s="879">
        <v>615</v>
      </c>
      <c r="X32" s="879">
        <v>214</v>
      </c>
      <c r="Y32" s="879">
        <v>401</v>
      </c>
    </row>
    <row r="33" spans="1:25" ht="21" customHeight="1">
      <c r="A33" s="849" t="s">
        <v>528</v>
      </c>
      <c r="B33" s="901">
        <v>13363</v>
      </c>
      <c r="C33" s="763" t="s">
        <v>298</v>
      </c>
      <c r="D33" s="857"/>
      <c r="E33" s="883">
        <v>-2181</v>
      </c>
      <c r="F33" s="885">
        <v>-716</v>
      </c>
      <c r="G33" s="886">
        <v>-1465</v>
      </c>
      <c r="H33" s="883">
        <v>-2160</v>
      </c>
      <c r="I33" s="885">
        <v>-709</v>
      </c>
      <c r="J33" s="1137">
        <v>-1451</v>
      </c>
      <c r="K33" s="883" t="s">
        <v>44</v>
      </c>
      <c r="L33" s="885" t="s">
        <v>44</v>
      </c>
      <c r="M33" s="885" t="s">
        <v>44</v>
      </c>
      <c r="N33" s="1137">
        <v>2160</v>
      </c>
      <c r="O33" s="883">
        <v>709</v>
      </c>
      <c r="P33" s="883">
        <v>1451</v>
      </c>
      <c r="Q33" s="883">
        <v>-21</v>
      </c>
      <c r="R33" s="885">
        <v>-7</v>
      </c>
      <c r="S33" s="1137">
        <v>-14</v>
      </c>
      <c r="T33" s="886">
        <v>171</v>
      </c>
      <c r="U33" s="883">
        <v>39</v>
      </c>
      <c r="V33" s="883">
        <v>132</v>
      </c>
      <c r="W33" s="883">
        <v>192</v>
      </c>
      <c r="X33" s="883">
        <v>46</v>
      </c>
      <c r="Y33" s="883">
        <v>146</v>
      </c>
    </row>
    <row r="34" spans="1:25" ht="21" customHeight="1">
      <c r="A34" s="849" t="s">
        <v>530</v>
      </c>
      <c r="B34" s="901">
        <v>570</v>
      </c>
      <c r="C34" s="763" t="s">
        <v>535</v>
      </c>
      <c r="D34" s="857"/>
      <c r="E34" s="885">
        <v>-208</v>
      </c>
      <c r="F34" s="885">
        <v>-30</v>
      </c>
      <c r="G34" s="883">
        <v>-178</v>
      </c>
      <c r="H34" s="883">
        <v>-205</v>
      </c>
      <c r="I34" s="885">
        <v>-30</v>
      </c>
      <c r="J34" s="1137">
        <v>-175</v>
      </c>
      <c r="K34" s="883" t="s">
        <v>44</v>
      </c>
      <c r="L34" s="885" t="s">
        <v>44</v>
      </c>
      <c r="M34" s="885" t="s">
        <v>44</v>
      </c>
      <c r="N34" s="1137">
        <v>205</v>
      </c>
      <c r="O34" s="883">
        <v>30</v>
      </c>
      <c r="P34" s="883">
        <v>175</v>
      </c>
      <c r="Q34" s="883">
        <v>-3</v>
      </c>
      <c r="R34" s="885">
        <v>0</v>
      </c>
      <c r="S34" s="885">
        <v>-3</v>
      </c>
      <c r="T34" s="886">
        <v>6</v>
      </c>
      <c r="U34" s="883">
        <v>2</v>
      </c>
      <c r="V34" s="883">
        <v>4</v>
      </c>
      <c r="W34" s="883">
        <v>9</v>
      </c>
      <c r="X34" s="883">
        <v>2</v>
      </c>
      <c r="Y34" s="883">
        <v>7</v>
      </c>
    </row>
    <row r="35" spans="1:25" ht="21" customHeight="1" thickBot="1">
      <c r="A35" s="857"/>
      <c r="B35" s="900">
        <v>2679</v>
      </c>
      <c r="C35" s="746" t="s">
        <v>128</v>
      </c>
      <c r="D35" s="857"/>
      <c r="E35" s="761" t="s">
        <v>44</v>
      </c>
      <c r="F35" s="762" t="s">
        <v>44</v>
      </c>
      <c r="G35" s="868" t="s">
        <v>44</v>
      </c>
      <c r="H35" s="761" t="s">
        <v>44</v>
      </c>
      <c r="I35" s="762" t="s">
        <v>44</v>
      </c>
      <c r="J35" s="869" t="s">
        <v>44</v>
      </c>
      <c r="K35" s="761" t="s">
        <v>44</v>
      </c>
      <c r="L35" s="762" t="s">
        <v>44</v>
      </c>
      <c r="M35" s="762" t="s">
        <v>44</v>
      </c>
      <c r="N35" s="869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-4891</v>
      </c>
      <c r="C36" s="873" t="s">
        <v>214</v>
      </c>
      <c r="D36" s="871" t="s">
        <v>724</v>
      </c>
      <c r="E36" s="874">
        <v>-637</v>
      </c>
      <c r="F36" s="874">
        <v>-419</v>
      </c>
      <c r="G36" s="874">
        <v>-218</v>
      </c>
      <c r="H36" s="874">
        <v>-499</v>
      </c>
      <c r="I36" s="874">
        <v>-240</v>
      </c>
      <c r="J36" s="874">
        <v>-259</v>
      </c>
      <c r="K36" s="874">
        <v>-216</v>
      </c>
      <c r="L36" s="874">
        <v>-93</v>
      </c>
      <c r="M36" s="875">
        <v>-123</v>
      </c>
      <c r="N36" s="1135">
        <v>283</v>
      </c>
      <c r="O36" s="875">
        <v>147</v>
      </c>
      <c r="P36" s="875">
        <v>136</v>
      </c>
      <c r="Q36" s="875">
        <v>-138</v>
      </c>
      <c r="R36" s="875">
        <v>-179</v>
      </c>
      <c r="S36" s="875">
        <v>41</v>
      </c>
      <c r="T36" s="875">
        <v>378</v>
      </c>
      <c r="U36" s="875">
        <v>177</v>
      </c>
      <c r="V36" s="875">
        <v>201</v>
      </c>
      <c r="W36" s="875">
        <v>516</v>
      </c>
      <c r="X36" s="875">
        <v>356</v>
      </c>
      <c r="Y36" s="872">
        <v>160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987</v>
      </c>
      <c r="C38" s="746" t="s">
        <v>725</v>
      </c>
      <c r="D38" s="876" t="s">
        <v>732</v>
      </c>
      <c r="E38" s="879">
        <v>-126</v>
      </c>
      <c r="F38" s="879">
        <v>-77</v>
      </c>
      <c r="G38" s="879">
        <v>-49</v>
      </c>
      <c r="H38" s="879">
        <v>-215</v>
      </c>
      <c r="I38" s="879">
        <v>-96</v>
      </c>
      <c r="J38" s="879">
        <v>-119</v>
      </c>
      <c r="K38" s="879">
        <v>-216</v>
      </c>
      <c r="L38" s="879">
        <v>-93</v>
      </c>
      <c r="M38" s="880">
        <v>-123</v>
      </c>
      <c r="N38" s="1136">
        <v>-1</v>
      </c>
      <c r="O38" s="880">
        <v>3</v>
      </c>
      <c r="P38" s="880">
        <v>-4</v>
      </c>
      <c r="Q38" s="880">
        <v>89</v>
      </c>
      <c r="R38" s="880">
        <v>19</v>
      </c>
      <c r="S38" s="880">
        <v>70</v>
      </c>
      <c r="T38" s="880">
        <v>74</v>
      </c>
      <c r="U38" s="880">
        <v>-23</v>
      </c>
      <c r="V38" s="880">
        <v>97</v>
      </c>
      <c r="W38" s="880">
        <v>-15</v>
      </c>
      <c r="X38" s="880">
        <v>-42</v>
      </c>
      <c r="Y38" s="878">
        <v>27</v>
      </c>
    </row>
    <row r="39" spans="1:25" ht="21" customHeight="1">
      <c r="A39" s="849"/>
      <c r="B39" s="878">
        <v>-812</v>
      </c>
      <c r="C39" s="756" t="s">
        <v>290</v>
      </c>
      <c r="D39" s="856" t="s">
        <v>518</v>
      </c>
      <c r="E39" s="879">
        <v>-4</v>
      </c>
      <c r="F39" s="879">
        <v>75</v>
      </c>
      <c r="G39" s="879">
        <v>-79</v>
      </c>
      <c r="H39" s="879">
        <v>-2</v>
      </c>
      <c r="I39" s="879">
        <v>1</v>
      </c>
      <c r="J39" s="879">
        <v>-3</v>
      </c>
      <c r="K39" s="761" t="s">
        <v>44</v>
      </c>
      <c r="L39" s="761" t="s">
        <v>44</v>
      </c>
      <c r="M39" s="762" t="s">
        <v>44</v>
      </c>
      <c r="N39" s="1136">
        <v>2</v>
      </c>
      <c r="O39" s="880">
        <v>-1</v>
      </c>
      <c r="P39" s="880">
        <v>3</v>
      </c>
      <c r="Q39" s="880">
        <v>-2</v>
      </c>
      <c r="R39" s="880">
        <v>74</v>
      </c>
      <c r="S39" s="880">
        <v>-76</v>
      </c>
      <c r="T39" s="880">
        <v>44</v>
      </c>
      <c r="U39" s="880">
        <v>130</v>
      </c>
      <c r="V39" s="880">
        <v>-86</v>
      </c>
      <c r="W39" s="880">
        <v>46</v>
      </c>
      <c r="X39" s="880">
        <v>56</v>
      </c>
      <c r="Y39" s="878">
        <v>-10</v>
      </c>
    </row>
    <row r="40" spans="1:25" ht="21" customHeight="1">
      <c r="A40" s="881" t="s">
        <v>518</v>
      </c>
      <c r="B40" s="878">
        <v>-575</v>
      </c>
      <c r="C40" s="756" t="s">
        <v>291</v>
      </c>
      <c r="D40" s="849" t="s">
        <v>520</v>
      </c>
      <c r="E40" s="879">
        <v>-440</v>
      </c>
      <c r="F40" s="879">
        <v>-415</v>
      </c>
      <c r="G40" s="879">
        <v>-25</v>
      </c>
      <c r="H40" s="879">
        <v>1</v>
      </c>
      <c r="I40" s="879">
        <v>1</v>
      </c>
      <c r="J40" s="879">
        <v>0</v>
      </c>
      <c r="K40" s="761" t="s">
        <v>44</v>
      </c>
      <c r="L40" s="761" t="s">
        <v>44</v>
      </c>
      <c r="M40" s="762" t="s">
        <v>44</v>
      </c>
      <c r="N40" s="1136">
        <v>-1</v>
      </c>
      <c r="O40" s="880">
        <v>-1</v>
      </c>
      <c r="P40" s="880">
        <v>0</v>
      </c>
      <c r="Q40" s="880">
        <v>-441</v>
      </c>
      <c r="R40" s="880">
        <v>-416</v>
      </c>
      <c r="S40" s="880">
        <v>-25</v>
      </c>
      <c r="T40" s="880">
        <v>159</v>
      </c>
      <c r="U40" s="880">
        <v>-24</v>
      </c>
      <c r="V40" s="880">
        <v>183</v>
      </c>
      <c r="W40" s="880">
        <v>600</v>
      </c>
      <c r="X40" s="880">
        <v>392</v>
      </c>
      <c r="Y40" s="878">
        <v>208</v>
      </c>
    </row>
    <row r="41" spans="1:25" ht="21" customHeight="1">
      <c r="A41" s="881" t="s">
        <v>520</v>
      </c>
      <c r="B41" s="878">
        <v>-2293</v>
      </c>
      <c r="C41" s="756" t="s">
        <v>292</v>
      </c>
      <c r="D41" s="849">
        <v>30</v>
      </c>
      <c r="E41" s="879">
        <v>375</v>
      </c>
      <c r="F41" s="879">
        <v>217</v>
      </c>
      <c r="G41" s="879">
        <v>158</v>
      </c>
      <c r="H41" s="879">
        <v>2</v>
      </c>
      <c r="I41" s="879">
        <v>5</v>
      </c>
      <c r="J41" s="879">
        <v>-3</v>
      </c>
      <c r="K41" s="761" t="s">
        <v>44</v>
      </c>
      <c r="L41" s="761" t="s">
        <v>44</v>
      </c>
      <c r="M41" s="762" t="s">
        <v>44</v>
      </c>
      <c r="N41" s="1136">
        <v>-2</v>
      </c>
      <c r="O41" s="880">
        <v>-5</v>
      </c>
      <c r="P41" s="880">
        <v>3</v>
      </c>
      <c r="Q41" s="880">
        <v>373</v>
      </c>
      <c r="R41" s="880">
        <v>212</v>
      </c>
      <c r="S41" s="880">
        <v>161</v>
      </c>
      <c r="T41" s="880">
        <v>185</v>
      </c>
      <c r="U41" s="880">
        <v>166</v>
      </c>
      <c r="V41" s="880">
        <v>19</v>
      </c>
      <c r="W41" s="880">
        <v>-188</v>
      </c>
      <c r="X41" s="880">
        <v>-46</v>
      </c>
      <c r="Y41" s="878">
        <v>-142</v>
      </c>
    </row>
    <row r="42" spans="1:25" ht="21" customHeight="1">
      <c r="A42" s="882">
        <v>31</v>
      </c>
      <c r="B42" s="883">
        <v>-2818</v>
      </c>
      <c r="C42" s="763" t="s">
        <v>293</v>
      </c>
      <c r="D42" s="884" t="s">
        <v>734</v>
      </c>
      <c r="E42" s="883">
        <v>-160</v>
      </c>
      <c r="F42" s="883">
        <v>-122</v>
      </c>
      <c r="G42" s="883">
        <v>-38</v>
      </c>
      <c r="H42" s="883">
        <v>7</v>
      </c>
      <c r="I42" s="883">
        <v>9</v>
      </c>
      <c r="J42" s="885">
        <v>-2</v>
      </c>
      <c r="K42" s="761" t="s">
        <v>44</v>
      </c>
      <c r="L42" s="761" t="s">
        <v>44</v>
      </c>
      <c r="M42" s="762" t="s">
        <v>44</v>
      </c>
      <c r="N42" s="1137">
        <v>-7</v>
      </c>
      <c r="O42" s="885">
        <v>-9</v>
      </c>
      <c r="P42" s="885">
        <v>2</v>
      </c>
      <c r="Q42" s="885">
        <v>-167</v>
      </c>
      <c r="R42" s="885">
        <v>-131</v>
      </c>
      <c r="S42" s="885">
        <v>-36</v>
      </c>
      <c r="T42" s="885">
        <v>-182</v>
      </c>
      <c r="U42" s="885">
        <v>-70</v>
      </c>
      <c r="V42" s="885">
        <v>-112</v>
      </c>
      <c r="W42" s="885">
        <v>-15</v>
      </c>
      <c r="X42" s="885">
        <v>61</v>
      </c>
      <c r="Y42" s="886">
        <v>-76</v>
      </c>
    </row>
    <row r="43" spans="1:25" ht="21" customHeight="1">
      <c r="A43" s="887" t="s">
        <v>734</v>
      </c>
      <c r="B43" s="878">
        <v>2785</v>
      </c>
      <c r="C43" s="756" t="s">
        <v>294</v>
      </c>
      <c r="D43" s="888" t="s">
        <v>735</v>
      </c>
      <c r="E43" s="879">
        <v>86</v>
      </c>
      <c r="F43" s="879">
        <v>61</v>
      </c>
      <c r="G43" s="879">
        <v>25</v>
      </c>
      <c r="H43" s="879">
        <v>-4</v>
      </c>
      <c r="I43" s="879">
        <v>-4</v>
      </c>
      <c r="J43" s="879">
        <v>0</v>
      </c>
      <c r="K43" s="889" t="s">
        <v>44</v>
      </c>
      <c r="L43" s="889" t="s">
        <v>44</v>
      </c>
      <c r="M43" s="870" t="s">
        <v>44</v>
      </c>
      <c r="N43" s="1136">
        <v>4</v>
      </c>
      <c r="O43" s="880">
        <v>4</v>
      </c>
      <c r="P43" s="880">
        <v>0</v>
      </c>
      <c r="Q43" s="880">
        <v>90</v>
      </c>
      <c r="R43" s="880">
        <v>65</v>
      </c>
      <c r="S43" s="880">
        <v>25</v>
      </c>
      <c r="T43" s="880">
        <v>58</v>
      </c>
      <c r="U43" s="880">
        <v>14</v>
      </c>
      <c r="V43" s="880">
        <v>44</v>
      </c>
      <c r="W43" s="880">
        <v>-32</v>
      </c>
      <c r="X43" s="880">
        <v>-51</v>
      </c>
      <c r="Y43" s="878">
        <v>19</v>
      </c>
    </row>
    <row r="44" spans="1:25" ht="21" customHeight="1">
      <c r="A44" s="881" t="s">
        <v>219</v>
      </c>
      <c r="B44" s="878">
        <v>-5065</v>
      </c>
      <c r="C44" s="756" t="s">
        <v>295</v>
      </c>
      <c r="D44" s="888" t="s">
        <v>736</v>
      </c>
      <c r="E44" s="879">
        <v>88</v>
      </c>
      <c r="F44" s="879">
        <v>103</v>
      </c>
      <c r="G44" s="879">
        <v>-15</v>
      </c>
      <c r="H44" s="879">
        <v>48</v>
      </c>
      <c r="I44" s="879">
        <v>82</v>
      </c>
      <c r="J44" s="879">
        <v>-34</v>
      </c>
      <c r="K44" s="761" t="s">
        <v>44</v>
      </c>
      <c r="L44" s="761" t="s">
        <v>44</v>
      </c>
      <c r="M44" s="762" t="s">
        <v>44</v>
      </c>
      <c r="N44" s="1136">
        <v>-48</v>
      </c>
      <c r="O44" s="880">
        <v>-82</v>
      </c>
      <c r="P44" s="880">
        <v>34</v>
      </c>
      <c r="Q44" s="880">
        <v>40</v>
      </c>
      <c r="R44" s="880">
        <v>21</v>
      </c>
      <c r="S44" s="880">
        <v>19</v>
      </c>
      <c r="T44" s="880">
        <v>24</v>
      </c>
      <c r="U44" s="880">
        <v>-11</v>
      </c>
      <c r="V44" s="880">
        <v>35</v>
      </c>
      <c r="W44" s="880">
        <v>-16</v>
      </c>
      <c r="X44" s="880">
        <v>-32</v>
      </c>
      <c r="Y44" s="878">
        <v>16</v>
      </c>
    </row>
    <row r="45" spans="1:25" ht="21" customHeight="1">
      <c r="A45" s="882" t="s">
        <v>795</v>
      </c>
      <c r="B45" s="878">
        <v>3082</v>
      </c>
      <c r="C45" s="756" t="s">
        <v>296</v>
      </c>
      <c r="D45" s="888" t="s">
        <v>738</v>
      </c>
      <c r="E45" s="879">
        <v>-108</v>
      </c>
      <c r="F45" s="879">
        <v>-29</v>
      </c>
      <c r="G45" s="879">
        <v>-79</v>
      </c>
      <c r="H45" s="879">
        <v>2</v>
      </c>
      <c r="I45" s="879">
        <v>-15</v>
      </c>
      <c r="J45" s="879">
        <v>17</v>
      </c>
      <c r="K45" s="761" t="s">
        <v>44</v>
      </c>
      <c r="L45" s="761" t="s">
        <v>44</v>
      </c>
      <c r="M45" s="762" t="s">
        <v>44</v>
      </c>
      <c r="N45" s="1136">
        <v>-2</v>
      </c>
      <c r="O45" s="880">
        <v>15</v>
      </c>
      <c r="P45" s="880">
        <v>-17</v>
      </c>
      <c r="Q45" s="880">
        <v>-110</v>
      </c>
      <c r="R45" s="880">
        <v>-14</v>
      </c>
      <c r="S45" s="880">
        <v>-96</v>
      </c>
      <c r="T45" s="880">
        <v>-35</v>
      </c>
      <c r="U45" s="880">
        <v>-13</v>
      </c>
      <c r="V45" s="880">
        <v>-22</v>
      </c>
      <c r="W45" s="880">
        <v>75</v>
      </c>
      <c r="X45" s="880">
        <v>1</v>
      </c>
      <c r="Y45" s="878">
        <v>74</v>
      </c>
    </row>
    <row r="46" spans="1:25" ht="21" customHeight="1">
      <c r="A46" s="882">
        <v>2</v>
      </c>
      <c r="B46" s="878">
        <v>1065</v>
      </c>
      <c r="C46" s="756" t="s">
        <v>297</v>
      </c>
      <c r="D46" s="888" t="s">
        <v>776</v>
      </c>
      <c r="E46" s="879">
        <v>-124</v>
      </c>
      <c r="F46" s="879">
        <v>-100</v>
      </c>
      <c r="G46" s="879">
        <v>-24</v>
      </c>
      <c r="H46" s="879">
        <v>-126</v>
      </c>
      <c r="I46" s="879">
        <v>-102</v>
      </c>
      <c r="J46" s="879">
        <v>-24</v>
      </c>
      <c r="K46" s="761" t="s">
        <v>44</v>
      </c>
      <c r="L46" s="761" t="s">
        <v>44</v>
      </c>
      <c r="M46" s="762" t="s">
        <v>44</v>
      </c>
      <c r="N46" s="1136">
        <v>126</v>
      </c>
      <c r="O46" s="880">
        <v>102</v>
      </c>
      <c r="P46" s="880">
        <v>24</v>
      </c>
      <c r="Q46" s="880">
        <v>2</v>
      </c>
      <c r="R46" s="880">
        <v>2</v>
      </c>
      <c r="S46" s="880">
        <v>0</v>
      </c>
      <c r="T46" s="880">
        <v>30</v>
      </c>
      <c r="U46" s="880">
        <v>2</v>
      </c>
      <c r="V46" s="880">
        <v>28</v>
      </c>
      <c r="W46" s="880">
        <v>28</v>
      </c>
      <c r="X46" s="880">
        <v>0</v>
      </c>
      <c r="Y46" s="878">
        <v>28</v>
      </c>
    </row>
    <row r="47" spans="1:25" ht="21" customHeight="1">
      <c r="A47" s="881" t="s">
        <v>148</v>
      </c>
      <c r="B47" s="883">
        <v>667</v>
      </c>
      <c r="C47" s="763" t="s">
        <v>298</v>
      </c>
      <c r="D47" s="888" t="s">
        <v>777</v>
      </c>
      <c r="E47" s="883">
        <v>-207</v>
      </c>
      <c r="F47" s="883">
        <v>-122</v>
      </c>
      <c r="G47" s="883">
        <v>-85</v>
      </c>
      <c r="H47" s="883">
        <v>-191</v>
      </c>
      <c r="I47" s="883">
        <v>-111</v>
      </c>
      <c r="J47" s="883">
        <v>-80</v>
      </c>
      <c r="K47" s="768" t="s">
        <v>44</v>
      </c>
      <c r="L47" s="767" t="s">
        <v>44</v>
      </c>
      <c r="M47" s="768" t="s">
        <v>44</v>
      </c>
      <c r="N47" s="1137">
        <v>191</v>
      </c>
      <c r="O47" s="885">
        <v>111</v>
      </c>
      <c r="P47" s="885">
        <v>80</v>
      </c>
      <c r="Q47" s="885">
        <v>-16</v>
      </c>
      <c r="R47" s="885">
        <v>-11</v>
      </c>
      <c r="S47" s="885">
        <v>-5</v>
      </c>
      <c r="T47" s="885">
        <v>21</v>
      </c>
      <c r="U47" s="885">
        <v>6</v>
      </c>
      <c r="V47" s="885">
        <v>15</v>
      </c>
      <c r="W47" s="885">
        <v>37</v>
      </c>
      <c r="X47" s="885">
        <v>17</v>
      </c>
      <c r="Y47" s="886">
        <v>20</v>
      </c>
    </row>
    <row r="48" spans="1:25" ht="21" customHeight="1">
      <c r="A48" s="881" t="s">
        <v>741</v>
      </c>
      <c r="B48" s="883">
        <v>60</v>
      </c>
      <c r="C48" s="763" t="s">
        <v>535</v>
      </c>
      <c r="D48" s="888" t="s">
        <v>741</v>
      </c>
      <c r="E48" s="890">
        <v>-17</v>
      </c>
      <c r="F48" s="890">
        <v>-10</v>
      </c>
      <c r="G48" s="890">
        <v>-7</v>
      </c>
      <c r="H48" s="890">
        <v>-21</v>
      </c>
      <c r="I48" s="890">
        <v>-10</v>
      </c>
      <c r="J48" s="891">
        <v>-11</v>
      </c>
      <c r="K48" s="767" t="s">
        <v>44</v>
      </c>
      <c r="L48" s="775" t="s">
        <v>44</v>
      </c>
      <c r="M48" s="776" t="s">
        <v>44</v>
      </c>
      <c r="N48" s="1138">
        <v>21</v>
      </c>
      <c r="O48" s="891">
        <v>10</v>
      </c>
      <c r="P48" s="891">
        <v>11</v>
      </c>
      <c r="Q48" s="891">
        <v>4</v>
      </c>
      <c r="R48" s="891">
        <v>0</v>
      </c>
      <c r="S48" s="891">
        <v>4</v>
      </c>
      <c r="T48" s="891">
        <v>0</v>
      </c>
      <c r="U48" s="891">
        <v>0</v>
      </c>
      <c r="V48" s="891">
        <v>0</v>
      </c>
      <c r="W48" s="891">
        <v>-4</v>
      </c>
      <c r="X48" s="891">
        <v>0</v>
      </c>
      <c r="Y48" s="892">
        <v>-4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63" t="s">
        <v>44</v>
      </c>
      <c r="P49" s="864" t="s">
        <v>44</v>
      </c>
      <c r="Q49" s="861" t="s">
        <v>44</v>
      </c>
      <c r="R49" s="838" t="s">
        <v>44</v>
      </c>
      <c r="S49" s="838" t="s">
        <v>44</v>
      </c>
      <c r="T49" s="838" t="s">
        <v>44</v>
      </c>
      <c r="U49" s="838" t="s">
        <v>44</v>
      </c>
      <c r="V49" s="838" t="s">
        <v>44</v>
      </c>
      <c r="W49" s="838" t="s">
        <v>44</v>
      </c>
      <c r="X49" s="863" t="s">
        <v>44</v>
      </c>
      <c r="Y49" s="861" t="s">
        <v>44</v>
      </c>
    </row>
    <row r="50" spans="1:25" ht="15" thickTop="1">
      <c r="A50" s="207" t="s">
        <v>796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779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44-</oddFooter>
    <evenFooter>&amp;C&amp;"ＭＳ ゴシック,太字"&amp;10-45-</even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797</v>
      </c>
      <c r="C1" s="353"/>
      <c r="D1" s="353"/>
      <c r="E1" s="353"/>
      <c r="F1" s="353"/>
      <c r="G1" s="353"/>
      <c r="S1" s="353" t="s">
        <v>798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11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799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800</v>
      </c>
      <c r="L4" s="1321"/>
      <c r="M4" s="1322"/>
      <c r="N4" s="734"/>
      <c r="O4" s="729" t="s">
        <v>597</v>
      </c>
      <c r="P4" s="731"/>
      <c r="Q4" s="1316" t="s">
        <v>464</v>
      </c>
      <c r="R4" s="1317"/>
      <c r="S4" s="1318"/>
      <c r="T4" s="1320" t="s">
        <v>801</v>
      </c>
      <c r="U4" s="1321"/>
      <c r="V4" s="1322"/>
      <c r="W4" s="1320" t="s">
        <v>802</v>
      </c>
      <c r="X4" s="1321"/>
      <c r="Y4" s="1321"/>
    </row>
    <row r="5" spans="1:25" ht="21" customHeight="1">
      <c r="A5" s="731"/>
      <c r="B5" s="731"/>
      <c r="C5" s="1319"/>
      <c r="D5" s="1316" t="s">
        <v>803</v>
      </c>
      <c r="E5" s="1317"/>
      <c r="F5" s="1317"/>
      <c r="G5" s="1318"/>
      <c r="H5" s="1323" t="s">
        <v>549</v>
      </c>
      <c r="I5" s="1324"/>
      <c r="J5" s="1325"/>
      <c r="K5" s="1323" t="s">
        <v>804</v>
      </c>
      <c r="L5" s="1324"/>
      <c r="M5" s="1325"/>
      <c r="N5" s="846"/>
      <c r="O5" s="737" t="s">
        <v>551</v>
      </c>
      <c r="P5" s="846"/>
      <c r="Q5" s="1323" t="s">
        <v>694</v>
      </c>
      <c r="R5" s="1324"/>
      <c r="S5" s="1325"/>
      <c r="T5" s="1323" t="s">
        <v>805</v>
      </c>
      <c r="U5" s="1324"/>
      <c r="V5" s="1325"/>
      <c r="W5" s="1323" t="s">
        <v>806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739" t="s">
        <v>807</v>
      </c>
      <c r="N6" s="1100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214" t="s">
        <v>212</v>
      </c>
      <c r="N7" s="853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1576940</v>
      </c>
      <c r="C8" s="746" t="s">
        <v>214</v>
      </c>
      <c r="D8" s="854"/>
      <c r="E8" s="745">
        <v>3172</v>
      </c>
      <c r="F8" s="748">
        <v>1396</v>
      </c>
      <c r="G8" s="747">
        <v>1776</v>
      </c>
      <c r="H8" s="745">
        <v>-3383</v>
      </c>
      <c r="I8" s="748">
        <v>-2331</v>
      </c>
      <c r="J8" s="749">
        <v>-1052</v>
      </c>
      <c r="K8" s="745">
        <v>10688</v>
      </c>
      <c r="L8" s="748">
        <v>5423</v>
      </c>
      <c r="M8" s="748">
        <v>5265</v>
      </c>
      <c r="N8" s="749">
        <v>14071</v>
      </c>
      <c r="O8" s="748">
        <v>7754</v>
      </c>
      <c r="P8" s="747">
        <v>6317</v>
      </c>
      <c r="Q8" s="745">
        <v>6555</v>
      </c>
      <c r="R8" s="748">
        <v>3727</v>
      </c>
      <c r="S8" s="749">
        <v>2828</v>
      </c>
      <c r="T8" s="747">
        <v>79978</v>
      </c>
      <c r="U8" s="748">
        <v>43786</v>
      </c>
      <c r="V8" s="747">
        <v>36192</v>
      </c>
      <c r="W8" s="745">
        <v>73423</v>
      </c>
      <c r="X8" s="748">
        <v>40059</v>
      </c>
      <c r="Y8" s="747">
        <v>33364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3"/>
      <c r="N9" s="754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121111</v>
      </c>
      <c r="C10" s="746" t="s">
        <v>725</v>
      </c>
      <c r="D10" s="849"/>
      <c r="E10" s="755">
        <v>11024</v>
      </c>
      <c r="F10" s="758">
        <v>5586</v>
      </c>
      <c r="G10" s="757">
        <v>5438</v>
      </c>
      <c r="H10" s="755">
        <v>10648</v>
      </c>
      <c r="I10" s="758">
        <v>5404</v>
      </c>
      <c r="J10" s="770">
        <v>5244</v>
      </c>
      <c r="K10" s="755">
        <v>10688</v>
      </c>
      <c r="L10" s="755">
        <v>5423</v>
      </c>
      <c r="M10" s="758">
        <v>5265</v>
      </c>
      <c r="N10" s="770">
        <v>40</v>
      </c>
      <c r="O10" s="755">
        <v>19</v>
      </c>
      <c r="P10" s="755">
        <v>21</v>
      </c>
      <c r="Q10" s="755">
        <v>376</v>
      </c>
      <c r="R10" s="758">
        <v>182</v>
      </c>
      <c r="S10" s="770">
        <v>194</v>
      </c>
      <c r="T10" s="755">
        <v>6505</v>
      </c>
      <c r="U10" s="758">
        <v>3362</v>
      </c>
      <c r="V10" s="755">
        <v>3143</v>
      </c>
      <c r="W10" s="755">
        <v>6129</v>
      </c>
      <c r="X10" s="758">
        <v>3180</v>
      </c>
      <c r="Y10" s="755">
        <v>2949</v>
      </c>
    </row>
    <row r="11" spans="1:25" ht="21" customHeight="1">
      <c r="A11" s="849" t="s">
        <v>219</v>
      </c>
      <c r="B11" s="757">
        <v>138557</v>
      </c>
      <c r="C11" s="756" t="s">
        <v>290</v>
      </c>
      <c r="D11" s="849" t="s">
        <v>518</v>
      </c>
      <c r="E11" s="755">
        <v>1207</v>
      </c>
      <c r="F11" s="758">
        <v>592</v>
      </c>
      <c r="G11" s="757">
        <v>615</v>
      </c>
      <c r="H11" s="755">
        <v>-26</v>
      </c>
      <c r="I11" s="758">
        <v>-17</v>
      </c>
      <c r="J11" s="770">
        <v>-9</v>
      </c>
      <c r="K11" s="761" t="s">
        <v>44</v>
      </c>
      <c r="L11" s="762" t="s">
        <v>44</v>
      </c>
      <c r="M11" s="762" t="s">
        <v>44</v>
      </c>
      <c r="N11" s="770">
        <v>26</v>
      </c>
      <c r="O11" s="755">
        <v>17</v>
      </c>
      <c r="P11" s="755">
        <v>9</v>
      </c>
      <c r="Q11" s="755">
        <v>1233</v>
      </c>
      <c r="R11" s="758">
        <v>609</v>
      </c>
      <c r="S11" s="770">
        <v>624</v>
      </c>
      <c r="T11" s="755">
        <v>4382</v>
      </c>
      <c r="U11" s="758">
        <v>2250</v>
      </c>
      <c r="V11" s="755">
        <v>2132</v>
      </c>
      <c r="W11" s="755">
        <v>3149</v>
      </c>
      <c r="X11" s="758">
        <v>1641</v>
      </c>
      <c r="Y11" s="755">
        <v>1508</v>
      </c>
    </row>
    <row r="12" spans="1:25" ht="21" customHeight="1">
      <c r="A12" s="849" t="s">
        <v>808</v>
      </c>
      <c r="B12" s="757">
        <v>175950</v>
      </c>
      <c r="C12" s="756" t="s">
        <v>291</v>
      </c>
      <c r="D12" s="849" t="s">
        <v>520</v>
      </c>
      <c r="E12" s="755">
        <v>2642</v>
      </c>
      <c r="F12" s="758">
        <v>1805</v>
      </c>
      <c r="G12" s="757">
        <v>837</v>
      </c>
      <c r="H12" s="755">
        <v>-58</v>
      </c>
      <c r="I12" s="758">
        <v>-51</v>
      </c>
      <c r="J12" s="770">
        <v>-7</v>
      </c>
      <c r="K12" s="761" t="s">
        <v>44</v>
      </c>
      <c r="L12" s="762" t="s">
        <v>44</v>
      </c>
      <c r="M12" s="762" t="s">
        <v>44</v>
      </c>
      <c r="N12" s="770">
        <v>58</v>
      </c>
      <c r="O12" s="755">
        <v>51</v>
      </c>
      <c r="P12" s="755">
        <v>7</v>
      </c>
      <c r="Q12" s="755">
        <v>2700</v>
      </c>
      <c r="R12" s="758">
        <v>1856</v>
      </c>
      <c r="S12" s="770">
        <v>844</v>
      </c>
      <c r="T12" s="755">
        <v>30343</v>
      </c>
      <c r="U12" s="758">
        <v>16514</v>
      </c>
      <c r="V12" s="755">
        <v>13829</v>
      </c>
      <c r="W12" s="755">
        <v>27643</v>
      </c>
      <c r="X12" s="758">
        <v>14658</v>
      </c>
      <c r="Y12" s="755">
        <v>12985</v>
      </c>
    </row>
    <row r="13" spans="1:25" ht="21" customHeight="1">
      <c r="A13" s="856">
        <v>2</v>
      </c>
      <c r="B13" s="757">
        <v>180134</v>
      </c>
      <c r="C13" s="756" t="s">
        <v>292</v>
      </c>
      <c r="D13" s="856">
        <v>31</v>
      </c>
      <c r="E13" s="755">
        <v>660</v>
      </c>
      <c r="F13" s="758">
        <v>457</v>
      </c>
      <c r="G13" s="757">
        <v>203</v>
      </c>
      <c r="H13" s="755">
        <v>-103</v>
      </c>
      <c r="I13" s="758">
        <v>-69</v>
      </c>
      <c r="J13" s="770">
        <v>-34</v>
      </c>
      <c r="K13" s="761" t="s">
        <v>44</v>
      </c>
      <c r="L13" s="762" t="s">
        <v>44</v>
      </c>
      <c r="M13" s="762" t="s">
        <v>44</v>
      </c>
      <c r="N13" s="770">
        <v>103</v>
      </c>
      <c r="O13" s="755">
        <v>69</v>
      </c>
      <c r="P13" s="755">
        <v>34</v>
      </c>
      <c r="Q13" s="755">
        <v>763</v>
      </c>
      <c r="R13" s="758">
        <v>526</v>
      </c>
      <c r="S13" s="770">
        <v>237</v>
      </c>
      <c r="T13" s="755">
        <v>17976</v>
      </c>
      <c r="U13" s="758">
        <v>10323</v>
      </c>
      <c r="V13" s="755">
        <v>7653</v>
      </c>
      <c r="W13" s="755">
        <v>17213</v>
      </c>
      <c r="X13" s="758">
        <v>9797</v>
      </c>
      <c r="Y13" s="755">
        <v>7416</v>
      </c>
    </row>
    <row r="14" spans="1:25" ht="21" customHeight="1">
      <c r="A14" s="849" t="s">
        <v>148</v>
      </c>
      <c r="B14" s="766">
        <v>248437</v>
      </c>
      <c r="C14" s="763" t="s">
        <v>293</v>
      </c>
      <c r="D14" s="849" t="s">
        <v>756</v>
      </c>
      <c r="E14" s="766">
        <v>162</v>
      </c>
      <c r="F14" s="765">
        <v>55</v>
      </c>
      <c r="G14" s="764">
        <v>107</v>
      </c>
      <c r="H14" s="766">
        <v>-314</v>
      </c>
      <c r="I14" s="765">
        <v>-209</v>
      </c>
      <c r="J14" s="771">
        <v>-105</v>
      </c>
      <c r="K14" s="767" t="s">
        <v>44</v>
      </c>
      <c r="L14" s="768" t="s">
        <v>44</v>
      </c>
      <c r="M14" s="768" t="s">
        <v>44</v>
      </c>
      <c r="N14" s="770">
        <v>314</v>
      </c>
      <c r="O14" s="766">
        <v>209</v>
      </c>
      <c r="P14" s="766">
        <v>105</v>
      </c>
      <c r="Q14" s="766">
        <v>476</v>
      </c>
      <c r="R14" s="765">
        <v>264</v>
      </c>
      <c r="S14" s="771">
        <v>212</v>
      </c>
      <c r="T14" s="765">
        <v>9022</v>
      </c>
      <c r="U14" s="765">
        <v>5378</v>
      </c>
      <c r="V14" s="766">
        <v>3644</v>
      </c>
      <c r="W14" s="765">
        <v>8546</v>
      </c>
      <c r="X14" s="765">
        <v>5114</v>
      </c>
      <c r="Y14" s="766">
        <v>3432</v>
      </c>
    </row>
    <row r="15" spans="1:25" ht="21" customHeight="1">
      <c r="A15" s="856" t="s">
        <v>809</v>
      </c>
      <c r="B15" s="757">
        <v>213472</v>
      </c>
      <c r="C15" s="756" t="s">
        <v>294</v>
      </c>
      <c r="D15" s="849" t="s">
        <v>219</v>
      </c>
      <c r="E15" s="755">
        <v>-421</v>
      </c>
      <c r="F15" s="758">
        <v>-345</v>
      </c>
      <c r="G15" s="757">
        <v>-76</v>
      </c>
      <c r="H15" s="755">
        <v>-579</v>
      </c>
      <c r="I15" s="758">
        <v>-406</v>
      </c>
      <c r="J15" s="770">
        <v>-173</v>
      </c>
      <c r="K15" s="761" t="s">
        <v>44</v>
      </c>
      <c r="L15" s="762" t="s">
        <v>44</v>
      </c>
      <c r="M15" s="762" t="s">
        <v>44</v>
      </c>
      <c r="N15" s="769">
        <v>579</v>
      </c>
      <c r="O15" s="755">
        <v>406</v>
      </c>
      <c r="P15" s="755">
        <v>173</v>
      </c>
      <c r="Q15" s="755">
        <v>158</v>
      </c>
      <c r="R15" s="758">
        <v>61</v>
      </c>
      <c r="S15" s="770">
        <v>97</v>
      </c>
      <c r="T15" s="755">
        <v>5037</v>
      </c>
      <c r="U15" s="758">
        <v>2900</v>
      </c>
      <c r="V15" s="755">
        <v>2137</v>
      </c>
      <c r="W15" s="755">
        <v>4879</v>
      </c>
      <c r="X15" s="758">
        <v>2839</v>
      </c>
      <c r="Y15" s="755">
        <v>2040</v>
      </c>
    </row>
    <row r="16" spans="1:25" ht="21" customHeight="1">
      <c r="A16" s="849" t="s">
        <v>523</v>
      </c>
      <c r="B16" s="757">
        <v>179882</v>
      </c>
      <c r="C16" s="756" t="s">
        <v>295</v>
      </c>
      <c r="D16" s="849" t="s">
        <v>221</v>
      </c>
      <c r="E16" s="755">
        <v>-1374</v>
      </c>
      <c r="F16" s="758">
        <v>-983</v>
      </c>
      <c r="G16" s="757">
        <v>-391</v>
      </c>
      <c r="H16" s="755">
        <v>-1418</v>
      </c>
      <c r="I16" s="758">
        <v>-979</v>
      </c>
      <c r="J16" s="770">
        <v>-439</v>
      </c>
      <c r="K16" s="761" t="s">
        <v>44</v>
      </c>
      <c r="L16" s="762" t="s">
        <v>44</v>
      </c>
      <c r="M16" s="762" t="s">
        <v>44</v>
      </c>
      <c r="N16" s="770">
        <v>1418</v>
      </c>
      <c r="O16" s="755">
        <v>979</v>
      </c>
      <c r="P16" s="755">
        <v>439</v>
      </c>
      <c r="Q16" s="755">
        <v>44</v>
      </c>
      <c r="R16" s="758">
        <v>-4</v>
      </c>
      <c r="S16" s="770">
        <v>48</v>
      </c>
      <c r="T16" s="755">
        <v>2750</v>
      </c>
      <c r="U16" s="758">
        <v>1538</v>
      </c>
      <c r="V16" s="755">
        <v>1212</v>
      </c>
      <c r="W16" s="755">
        <v>2706</v>
      </c>
      <c r="X16" s="758">
        <v>1542</v>
      </c>
      <c r="Y16" s="755">
        <v>1164</v>
      </c>
    </row>
    <row r="17" spans="1:25" ht="21" customHeight="1">
      <c r="A17" s="856" t="s">
        <v>533</v>
      </c>
      <c r="B17" s="757">
        <v>198459</v>
      </c>
      <c r="C17" s="756" t="s">
        <v>296</v>
      </c>
      <c r="D17" s="849" t="s">
        <v>729</v>
      </c>
      <c r="E17" s="755">
        <v>-3274</v>
      </c>
      <c r="F17" s="758">
        <v>-2219</v>
      </c>
      <c r="G17" s="878">
        <v>-1055</v>
      </c>
      <c r="H17" s="755">
        <v>-3582</v>
      </c>
      <c r="I17" s="758">
        <v>-2349</v>
      </c>
      <c r="J17" s="770">
        <v>-1233</v>
      </c>
      <c r="K17" s="761" t="s">
        <v>44</v>
      </c>
      <c r="L17" s="762" t="s">
        <v>44</v>
      </c>
      <c r="M17" s="762" t="s">
        <v>44</v>
      </c>
      <c r="N17" s="770">
        <v>3582</v>
      </c>
      <c r="O17" s="755">
        <v>2349</v>
      </c>
      <c r="P17" s="755">
        <v>1233</v>
      </c>
      <c r="Q17" s="755">
        <v>308</v>
      </c>
      <c r="R17" s="758">
        <v>130</v>
      </c>
      <c r="S17" s="770">
        <v>178</v>
      </c>
      <c r="T17" s="755">
        <v>2033</v>
      </c>
      <c r="U17" s="758">
        <v>948</v>
      </c>
      <c r="V17" s="755">
        <v>1085</v>
      </c>
      <c r="W17" s="755">
        <v>1725</v>
      </c>
      <c r="X17" s="758">
        <v>818</v>
      </c>
      <c r="Y17" s="755">
        <v>907</v>
      </c>
    </row>
    <row r="18" spans="1:25" ht="21" customHeight="1">
      <c r="A18" s="849" t="s">
        <v>526</v>
      </c>
      <c r="B18" s="757">
        <v>90491</v>
      </c>
      <c r="C18" s="756" t="s">
        <v>297</v>
      </c>
      <c r="D18" s="849" t="s">
        <v>758</v>
      </c>
      <c r="E18" s="755">
        <v>-4544</v>
      </c>
      <c r="F18" s="758">
        <v>-2611</v>
      </c>
      <c r="G18" s="757">
        <v>-1933</v>
      </c>
      <c r="H18" s="755">
        <v>-4899</v>
      </c>
      <c r="I18" s="758">
        <v>-2683</v>
      </c>
      <c r="J18" s="770">
        <v>-2216</v>
      </c>
      <c r="K18" s="761" t="s">
        <v>44</v>
      </c>
      <c r="L18" s="762" t="s">
        <v>44</v>
      </c>
      <c r="M18" s="762" t="s">
        <v>44</v>
      </c>
      <c r="N18" s="770">
        <v>4899</v>
      </c>
      <c r="O18" s="755">
        <v>2683</v>
      </c>
      <c r="P18" s="755">
        <v>2216</v>
      </c>
      <c r="Q18" s="755">
        <v>355</v>
      </c>
      <c r="R18" s="758">
        <v>72</v>
      </c>
      <c r="S18" s="770">
        <v>283</v>
      </c>
      <c r="T18" s="755">
        <v>1483</v>
      </c>
      <c r="U18" s="758">
        <v>466</v>
      </c>
      <c r="V18" s="755">
        <v>1017</v>
      </c>
      <c r="W18" s="755">
        <v>1128</v>
      </c>
      <c r="X18" s="758">
        <v>394</v>
      </c>
      <c r="Y18" s="755">
        <v>734</v>
      </c>
    </row>
    <row r="19" spans="1:25" ht="21" customHeight="1">
      <c r="A19" s="849" t="s">
        <v>528</v>
      </c>
      <c r="B19" s="766">
        <v>17942</v>
      </c>
      <c r="C19" s="763" t="s">
        <v>298</v>
      </c>
      <c r="D19" s="849" t="s">
        <v>761</v>
      </c>
      <c r="E19" s="766">
        <v>-2673</v>
      </c>
      <c r="F19" s="765">
        <v>-909</v>
      </c>
      <c r="G19" s="764">
        <v>-1764</v>
      </c>
      <c r="H19" s="766">
        <v>-2810</v>
      </c>
      <c r="I19" s="765">
        <v>-938</v>
      </c>
      <c r="J19" s="771">
        <v>-1872</v>
      </c>
      <c r="K19" s="767" t="s">
        <v>44</v>
      </c>
      <c r="L19" s="768" t="s">
        <v>44</v>
      </c>
      <c r="M19" s="768" t="s">
        <v>44</v>
      </c>
      <c r="N19" s="770">
        <v>2810</v>
      </c>
      <c r="O19" s="766">
        <v>938</v>
      </c>
      <c r="P19" s="766">
        <v>1872</v>
      </c>
      <c r="Q19" s="766">
        <v>137</v>
      </c>
      <c r="R19" s="765">
        <v>29</v>
      </c>
      <c r="S19" s="771">
        <v>108</v>
      </c>
      <c r="T19" s="755">
        <v>434</v>
      </c>
      <c r="U19" s="765">
        <v>104</v>
      </c>
      <c r="V19" s="766">
        <v>330</v>
      </c>
      <c r="W19" s="765">
        <v>297</v>
      </c>
      <c r="X19" s="765">
        <v>75</v>
      </c>
      <c r="Y19" s="766">
        <v>222</v>
      </c>
    </row>
    <row r="20" spans="1:25" ht="21" customHeight="1">
      <c r="A20" s="849" t="s">
        <v>530</v>
      </c>
      <c r="B20" s="778">
        <v>828</v>
      </c>
      <c r="C20" s="763" t="s">
        <v>535</v>
      </c>
      <c r="D20" s="857"/>
      <c r="E20" s="765">
        <v>-237</v>
      </c>
      <c r="F20" s="765">
        <v>-32</v>
      </c>
      <c r="G20" s="766">
        <v>-205</v>
      </c>
      <c r="H20" s="766">
        <v>-242</v>
      </c>
      <c r="I20" s="765">
        <v>-34</v>
      </c>
      <c r="J20" s="771">
        <v>-208</v>
      </c>
      <c r="K20" s="767" t="s">
        <v>44</v>
      </c>
      <c r="L20" s="768" t="s">
        <v>44</v>
      </c>
      <c r="M20" s="768" t="s">
        <v>44</v>
      </c>
      <c r="N20" s="769">
        <v>242</v>
      </c>
      <c r="O20" s="766">
        <v>34</v>
      </c>
      <c r="P20" s="766">
        <v>208</v>
      </c>
      <c r="Q20" s="766">
        <v>5</v>
      </c>
      <c r="R20" s="765">
        <v>2</v>
      </c>
      <c r="S20" s="765">
        <v>3</v>
      </c>
      <c r="T20" s="773">
        <v>13</v>
      </c>
      <c r="U20" s="765">
        <v>3</v>
      </c>
      <c r="V20" s="766">
        <v>10</v>
      </c>
      <c r="W20" s="755">
        <v>8</v>
      </c>
      <c r="X20" s="765">
        <v>1</v>
      </c>
      <c r="Y20" s="766">
        <v>7</v>
      </c>
    </row>
    <row r="21" spans="1:25" ht="21" customHeight="1" thickBot="1">
      <c r="A21" s="858"/>
      <c r="B21" s="896">
        <v>11677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4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1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1573768</v>
      </c>
      <c r="C22" s="746" t="s">
        <v>214</v>
      </c>
      <c r="D22" s="849"/>
      <c r="E22" s="865">
        <v>1621</v>
      </c>
      <c r="F22" s="897">
        <v>531</v>
      </c>
      <c r="G22" s="898">
        <v>1090</v>
      </c>
      <c r="H22" s="865">
        <v>-2437</v>
      </c>
      <c r="I22" s="897">
        <v>-1751</v>
      </c>
      <c r="J22" s="899">
        <v>-686</v>
      </c>
      <c r="K22" s="865">
        <v>11343</v>
      </c>
      <c r="L22" s="897">
        <v>5893</v>
      </c>
      <c r="M22" s="897">
        <v>5450</v>
      </c>
      <c r="N22" s="899">
        <v>13780</v>
      </c>
      <c r="O22" s="897">
        <v>7644</v>
      </c>
      <c r="P22" s="898">
        <v>6136</v>
      </c>
      <c r="Q22" s="865">
        <v>4058</v>
      </c>
      <c r="R22" s="897">
        <v>2282</v>
      </c>
      <c r="S22" s="899">
        <v>1776</v>
      </c>
      <c r="T22" s="898">
        <v>78106</v>
      </c>
      <c r="U22" s="897">
        <v>42656</v>
      </c>
      <c r="V22" s="898">
        <v>35450</v>
      </c>
      <c r="W22" s="865">
        <v>74048</v>
      </c>
      <c r="X22" s="897">
        <v>40374</v>
      </c>
      <c r="Y22" s="898">
        <v>33674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8"/>
      <c r="G23" s="866"/>
      <c r="H23" s="767"/>
      <c r="I23" s="768"/>
      <c r="J23" s="867"/>
      <c r="K23" s="767"/>
      <c r="L23" s="768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123248</v>
      </c>
      <c r="C24" s="746" t="s">
        <v>725</v>
      </c>
      <c r="D24" s="849"/>
      <c r="E24" s="879">
        <v>11292</v>
      </c>
      <c r="F24" s="880">
        <v>5838</v>
      </c>
      <c r="G24" s="878">
        <v>5454</v>
      </c>
      <c r="H24" s="879">
        <v>11287</v>
      </c>
      <c r="I24" s="880">
        <v>5859</v>
      </c>
      <c r="J24" s="1136">
        <v>5428</v>
      </c>
      <c r="K24" s="879">
        <v>11343</v>
      </c>
      <c r="L24" s="879">
        <v>5893</v>
      </c>
      <c r="M24" s="880">
        <v>5450</v>
      </c>
      <c r="N24" s="1136">
        <v>56</v>
      </c>
      <c r="O24" s="879">
        <v>34</v>
      </c>
      <c r="P24" s="879">
        <v>22</v>
      </c>
      <c r="Q24" s="879">
        <v>5</v>
      </c>
      <c r="R24" s="880">
        <v>-21</v>
      </c>
      <c r="S24" s="1136">
        <v>26</v>
      </c>
      <c r="T24" s="878">
        <v>6458</v>
      </c>
      <c r="U24" s="879">
        <v>3348</v>
      </c>
      <c r="V24" s="879">
        <v>3110</v>
      </c>
      <c r="W24" s="879">
        <v>6453</v>
      </c>
      <c r="X24" s="879">
        <v>3369</v>
      </c>
      <c r="Y24" s="879">
        <v>3084</v>
      </c>
    </row>
    <row r="25" spans="1:25" ht="21" customHeight="1">
      <c r="A25" s="849" t="s">
        <v>518</v>
      </c>
      <c r="B25" s="900">
        <v>140008</v>
      </c>
      <c r="C25" s="756" t="s">
        <v>290</v>
      </c>
      <c r="D25" s="849" t="s">
        <v>518</v>
      </c>
      <c r="E25" s="879">
        <v>1152</v>
      </c>
      <c r="F25" s="880">
        <v>599</v>
      </c>
      <c r="G25" s="878">
        <v>553</v>
      </c>
      <c r="H25" s="879">
        <v>-19</v>
      </c>
      <c r="I25" s="880">
        <v>-15</v>
      </c>
      <c r="J25" s="1136">
        <v>-4</v>
      </c>
      <c r="K25" s="879" t="s">
        <v>44</v>
      </c>
      <c r="L25" s="880" t="s">
        <v>44</v>
      </c>
      <c r="M25" s="880" t="s">
        <v>44</v>
      </c>
      <c r="N25" s="1136">
        <v>19</v>
      </c>
      <c r="O25" s="879">
        <v>15</v>
      </c>
      <c r="P25" s="879">
        <v>4</v>
      </c>
      <c r="Q25" s="879">
        <v>1171</v>
      </c>
      <c r="R25" s="880">
        <v>614</v>
      </c>
      <c r="S25" s="1136">
        <v>557</v>
      </c>
      <c r="T25" s="878">
        <v>4423</v>
      </c>
      <c r="U25" s="879">
        <v>2267</v>
      </c>
      <c r="V25" s="879">
        <v>2156</v>
      </c>
      <c r="W25" s="879">
        <v>3252</v>
      </c>
      <c r="X25" s="879">
        <v>1653</v>
      </c>
      <c r="Y25" s="879">
        <v>1599</v>
      </c>
    </row>
    <row r="26" spans="1:25" ht="21" customHeight="1">
      <c r="A26" s="849" t="s">
        <v>520</v>
      </c>
      <c r="B26" s="900">
        <v>173367</v>
      </c>
      <c r="C26" s="756" t="s">
        <v>291</v>
      </c>
      <c r="D26" s="849" t="s">
        <v>520</v>
      </c>
      <c r="E26" s="879">
        <v>2320</v>
      </c>
      <c r="F26" s="880">
        <v>1666</v>
      </c>
      <c r="G26" s="878">
        <v>654</v>
      </c>
      <c r="H26" s="879">
        <v>-54</v>
      </c>
      <c r="I26" s="880">
        <v>-41</v>
      </c>
      <c r="J26" s="1136">
        <v>-13</v>
      </c>
      <c r="K26" s="879" t="s">
        <v>44</v>
      </c>
      <c r="L26" s="880" t="s">
        <v>44</v>
      </c>
      <c r="M26" s="880" t="s">
        <v>44</v>
      </c>
      <c r="N26" s="1136">
        <v>54</v>
      </c>
      <c r="O26" s="879">
        <v>41</v>
      </c>
      <c r="P26" s="879">
        <v>13</v>
      </c>
      <c r="Q26" s="879">
        <v>2374</v>
      </c>
      <c r="R26" s="880">
        <v>1707</v>
      </c>
      <c r="S26" s="1136">
        <v>667</v>
      </c>
      <c r="T26" s="878">
        <v>29041</v>
      </c>
      <c r="U26" s="879">
        <v>15836</v>
      </c>
      <c r="V26" s="879">
        <v>13205</v>
      </c>
      <c r="W26" s="879">
        <v>26667</v>
      </c>
      <c r="X26" s="879">
        <v>14129</v>
      </c>
      <c r="Y26" s="879">
        <v>12538</v>
      </c>
    </row>
    <row r="27" spans="1:25" ht="21" customHeight="1">
      <c r="A27" s="856">
        <v>31</v>
      </c>
      <c r="B27" s="900">
        <v>184482</v>
      </c>
      <c r="C27" s="756" t="s">
        <v>292</v>
      </c>
      <c r="D27" s="856">
        <v>30</v>
      </c>
      <c r="E27" s="879">
        <v>-202</v>
      </c>
      <c r="F27" s="880">
        <v>-123</v>
      </c>
      <c r="G27" s="878">
        <v>-79</v>
      </c>
      <c r="H27" s="879">
        <v>-89</v>
      </c>
      <c r="I27" s="880">
        <v>-62</v>
      </c>
      <c r="J27" s="1136">
        <v>-27</v>
      </c>
      <c r="K27" s="879" t="s">
        <v>44</v>
      </c>
      <c r="L27" s="880" t="s">
        <v>44</v>
      </c>
      <c r="M27" s="880" t="s">
        <v>44</v>
      </c>
      <c r="N27" s="1136">
        <v>89</v>
      </c>
      <c r="O27" s="879">
        <v>62</v>
      </c>
      <c r="P27" s="879">
        <v>27</v>
      </c>
      <c r="Q27" s="879">
        <v>-113</v>
      </c>
      <c r="R27" s="880">
        <v>-61</v>
      </c>
      <c r="S27" s="1136">
        <v>-52</v>
      </c>
      <c r="T27" s="878">
        <v>17870</v>
      </c>
      <c r="U27" s="879">
        <v>10095</v>
      </c>
      <c r="V27" s="879">
        <v>7775</v>
      </c>
      <c r="W27" s="879">
        <v>17983</v>
      </c>
      <c r="X27" s="879">
        <v>10156</v>
      </c>
      <c r="Y27" s="879">
        <v>7827</v>
      </c>
    </row>
    <row r="28" spans="1:25" ht="21" customHeight="1">
      <c r="A28" s="849" t="s">
        <v>148</v>
      </c>
      <c r="B28" s="901">
        <v>252841</v>
      </c>
      <c r="C28" s="763" t="s">
        <v>293</v>
      </c>
      <c r="D28" s="849" t="s">
        <v>148</v>
      </c>
      <c r="E28" s="883">
        <v>-401</v>
      </c>
      <c r="F28" s="885">
        <v>-357</v>
      </c>
      <c r="G28" s="886">
        <v>-44</v>
      </c>
      <c r="H28" s="883">
        <v>-332</v>
      </c>
      <c r="I28" s="885">
        <v>-212</v>
      </c>
      <c r="J28" s="1137">
        <v>-120</v>
      </c>
      <c r="K28" s="883" t="s">
        <v>44</v>
      </c>
      <c r="L28" s="885" t="s">
        <v>44</v>
      </c>
      <c r="M28" s="885" t="s">
        <v>44</v>
      </c>
      <c r="N28" s="1137">
        <v>332</v>
      </c>
      <c r="O28" s="883">
        <v>212</v>
      </c>
      <c r="P28" s="883">
        <v>120</v>
      </c>
      <c r="Q28" s="883">
        <v>-69</v>
      </c>
      <c r="R28" s="885">
        <v>-145</v>
      </c>
      <c r="S28" s="1137">
        <v>76</v>
      </c>
      <c r="T28" s="886">
        <v>9047</v>
      </c>
      <c r="U28" s="883">
        <v>5331</v>
      </c>
      <c r="V28" s="883">
        <v>3716</v>
      </c>
      <c r="W28" s="883">
        <v>9116</v>
      </c>
      <c r="X28" s="883">
        <v>5476</v>
      </c>
      <c r="Y28" s="883">
        <v>3640</v>
      </c>
    </row>
    <row r="29" spans="1:25" ht="21" customHeight="1">
      <c r="A29" s="856" t="s">
        <v>533</v>
      </c>
      <c r="B29" s="900">
        <v>205637</v>
      </c>
      <c r="C29" s="756" t="s">
        <v>294</v>
      </c>
      <c r="D29" s="849" t="s">
        <v>534</v>
      </c>
      <c r="E29" s="879">
        <v>-434</v>
      </c>
      <c r="F29" s="880">
        <v>-340</v>
      </c>
      <c r="G29" s="878">
        <v>-94</v>
      </c>
      <c r="H29" s="879">
        <v>-598</v>
      </c>
      <c r="I29" s="880">
        <v>-389</v>
      </c>
      <c r="J29" s="1136">
        <v>-209</v>
      </c>
      <c r="K29" s="879" t="s">
        <v>44</v>
      </c>
      <c r="L29" s="880" t="s">
        <v>44</v>
      </c>
      <c r="M29" s="880" t="s">
        <v>44</v>
      </c>
      <c r="N29" s="1136">
        <v>598</v>
      </c>
      <c r="O29" s="879">
        <v>389</v>
      </c>
      <c r="P29" s="879">
        <v>209</v>
      </c>
      <c r="Q29" s="879">
        <v>164</v>
      </c>
      <c r="R29" s="880">
        <v>49</v>
      </c>
      <c r="S29" s="1136">
        <v>115</v>
      </c>
      <c r="T29" s="878">
        <v>4825</v>
      </c>
      <c r="U29" s="879">
        <v>2715</v>
      </c>
      <c r="V29" s="879">
        <v>2110</v>
      </c>
      <c r="W29" s="879">
        <v>4661</v>
      </c>
      <c r="X29" s="879">
        <v>2666</v>
      </c>
      <c r="Y29" s="879">
        <v>1995</v>
      </c>
    </row>
    <row r="30" spans="1:25" ht="21" customHeight="1">
      <c r="A30" s="849" t="s">
        <v>523</v>
      </c>
      <c r="B30" s="900">
        <v>189517</v>
      </c>
      <c r="C30" s="756" t="s">
        <v>295</v>
      </c>
      <c r="D30" s="849"/>
      <c r="E30" s="879">
        <v>-1438</v>
      </c>
      <c r="F30" s="880">
        <v>-999</v>
      </c>
      <c r="G30" s="878">
        <v>-439</v>
      </c>
      <c r="H30" s="879">
        <v>-1409</v>
      </c>
      <c r="I30" s="880">
        <v>-963</v>
      </c>
      <c r="J30" s="1136">
        <v>-446</v>
      </c>
      <c r="K30" s="879" t="s">
        <v>44</v>
      </c>
      <c r="L30" s="880" t="s">
        <v>44</v>
      </c>
      <c r="M30" s="880" t="s">
        <v>44</v>
      </c>
      <c r="N30" s="1136">
        <v>1409</v>
      </c>
      <c r="O30" s="879">
        <v>963</v>
      </c>
      <c r="P30" s="879">
        <v>446</v>
      </c>
      <c r="Q30" s="879">
        <v>-29</v>
      </c>
      <c r="R30" s="880">
        <v>-36</v>
      </c>
      <c r="S30" s="1136">
        <v>7</v>
      </c>
      <c r="T30" s="878">
        <v>2848</v>
      </c>
      <c r="U30" s="879">
        <v>1626</v>
      </c>
      <c r="V30" s="879">
        <v>1222</v>
      </c>
      <c r="W30" s="879">
        <v>2877</v>
      </c>
      <c r="X30" s="879">
        <v>1662</v>
      </c>
      <c r="Y30" s="879">
        <v>1215</v>
      </c>
    </row>
    <row r="31" spans="1:25" ht="21" customHeight="1">
      <c r="A31" s="856" t="s">
        <v>533</v>
      </c>
      <c r="B31" s="900">
        <v>190027</v>
      </c>
      <c r="C31" s="756" t="s">
        <v>296</v>
      </c>
      <c r="D31" s="849"/>
      <c r="E31" s="879">
        <v>-3352</v>
      </c>
      <c r="F31" s="880">
        <v>-2166</v>
      </c>
      <c r="G31" s="878">
        <v>-1186</v>
      </c>
      <c r="H31" s="879">
        <v>-3419</v>
      </c>
      <c r="I31" s="880">
        <v>-2195</v>
      </c>
      <c r="J31" s="1136">
        <v>-1224</v>
      </c>
      <c r="K31" s="879" t="s">
        <v>44</v>
      </c>
      <c r="L31" s="880" t="s">
        <v>44</v>
      </c>
      <c r="M31" s="880" t="s">
        <v>44</v>
      </c>
      <c r="N31" s="1136">
        <v>3419</v>
      </c>
      <c r="O31" s="879">
        <v>2195</v>
      </c>
      <c r="P31" s="879">
        <v>1224</v>
      </c>
      <c r="Q31" s="879">
        <v>67</v>
      </c>
      <c r="R31" s="880">
        <v>29</v>
      </c>
      <c r="S31" s="1136">
        <v>38</v>
      </c>
      <c r="T31" s="878">
        <v>1791</v>
      </c>
      <c r="U31" s="879">
        <v>860</v>
      </c>
      <c r="V31" s="879">
        <v>931</v>
      </c>
      <c r="W31" s="879">
        <v>1724</v>
      </c>
      <c r="X31" s="879">
        <v>831</v>
      </c>
      <c r="Y31" s="879">
        <v>893</v>
      </c>
    </row>
    <row r="32" spans="1:25" ht="21" customHeight="1">
      <c r="A32" s="849" t="s">
        <v>526</v>
      </c>
      <c r="B32" s="900">
        <v>85591</v>
      </c>
      <c r="C32" s="756" t="s">
        <v>297</v>
      </c>
      <c r="D32" s="849"/>
      <c r="E32" s="879">
        <v>-4475</v>
      </c>
      <c r="F32" s="880">
        <v>-2653</v>
      </c>
      <c r="G32" s="878">
        <v>-1822</v>
      </c>
      <c r="H32" s="879">
        <v>-4829</v>
      </c>
      <c r="I32" s="880">
        <v>-2777</v>
      </c>
      <c r="J32" s="1136">
        <v>-2052</v>
      </c>
      <c r="K32" s="879" t="s">
        <v>44</v>
      </c>
      <c r="L32" s="880" t="s">
        <v>44</v>
      </c>
      <c r="M32" s="880" t="s">
        <v>44</v>
      </c>
      <c r="N32" s="1136">
        <v>4829</v>
      </c>
      <c r="O32" s="879">
        <v>2777</v>
      </c>
      <c r="P32" s="879">
        <v>2052</v>
      </c>
      <c r="Q32" s="879">
        <v>354</v>
      </c>
      <c r="R32" s="880">
        <v>124</v>
      </c>
      <c r="S32" s="1136">
        <v>230</v>
      </c>
      <c r="T32" s="878">
        <v>1393</v>
      </c>
      <c r="U32" s="879">
        <v>490</v>
      </c>
      <c r="V32" s="879">
        <v>903</v>
      </c>
      <c r="W32" s="879">
        <v>1039</v>
      </c>
      <c r="X32" s="879">
        <v>366</v>
      </c>
      <c r="Y32" s="879">
        <v>673</v>
      </c>
    </row>
    <row r="33" spans="1:25" ht="21" customHeight="1">
      <c r="A33" s="849" t="s">
        <v>528</v>
      </c>
      <c r="B33" s="901">
        <v>16649</v>
      </c>
      <c r="C33" s="763" t="s">
        <v>298</v>
      </c>
      <c r="D33" s="857"/>
      <c r="E33" s="883">
        <v>-2611</v>
      </c>
      <c r="F33" s="885">
        <v>-898</v>
      </c>
      <c r="G33" s="886">
        <v>-1713</v>
      </c>
      <c r="H33" s="883">
        <v>-2741</v>
      </c>
      <c r="I33" s="885">
        <v>-918</v>
      </c>
      <c r="J33" s="1137">
        <v>-1823</v>
      </c>
      <c r="K33" s="883" t="s">
        <v>44</v>
      </c>
      <c r="L33" s="885" t="s">
        <v>44</v>
      </c>
      <c r="M33" s="885" t="s">
        <v>44</v>
      </c>
      <c r="N33" s="1137">
        <v>2741</v>
      </c>
      <c r="O33" s="883">
        <v>918</v>
      </c>
      <c r="P33" s="883">
        <v>1823</v>
      </c>
      <c r="Q33" s="883">
        <v>130</v>
      </c>
      <c r="R33" s="885">
        <v>20</v>
      </c>
      <c r="S33" s="1137">
        <v>110</v>
      </c>
      <c r="T33" s="886">
        <v>400</v>
      </c>
      <c r="U33" s="883">
        <v>86</v>
      </c>
      <c r="V33" s="883">
        <v>314</v>
      </c>
      <c r="W33" s="883">
        <v>270</v>
      </c>
      <c r="X33" s="883">
        <v>66</v>
      </c>
      <c r="Y33" s="883">
        <v>204</v>
      </c>
    </row>
    <row r="34" spans="1:25" ht="21" customHeight="1">
      <c r="A34" s="849" t="s">
        <v>530</v>
      </c>
      <c r="B34" s="901">
        <v>724</v>
      </c>
      <c r="C34" s="763" t="s">
        <v>535</v>
      </c>
      <c r="D34" s="857"/>
      <c r="E34" s="885">
        <v>-230</v>
      </c>
      <c r="F34" s="885">
        <v>-36</v>
      </c>
      <c r="G34" s="883">
        <v>-194</v>
      </c>
      <c r="H34" s="883">
        <v>-234</v>
      </c>
      <c r="I34" s="885">
        <v>-38</v>
      </c>
      <c r="J34" s="1137">
        <v>-196</v>
      </c>
      <c r="K34" s="883" t="s">
        <v>44</v>
      </c>
      <c r="L34" s="885" t="s">
        <v>44</v>
      </c>
      <c r="M34" s="885" t="s">
        <v>44</v>
      </c>
      <c r="N34" s="1137">
        <v>234</v>
      </c>
      <c r="O34" s="883">
        <v>38</v>
      </c>
      <c r="P34" s="883">
        <v>196</v>
      </c>
      <c r="Q34" s="883">
        <v>4</v>
      </c>
      <c r="R34" s="885">
        <v>2</v>
      </c>
      <c r="S34" s="885">
        <v>2</v>
      </c>
      <c r="T34" s="886">
        <v>10</v>
      </c>
      <c r="U34" s="883">
        <v>2</v>
      </c>
      <c r="V34" s="883">
        <v>8</v>
      </c>
      <c r="W34" s="883">
        <v>6</v>
      </c>
      <c r="X34" s="883">
        <v>0</v>
      </c>
      <c r="Y34" s="883">
        <v>6</v>
      </c>
    </row>
    <row r="35" spans="1:25" ht="21" customHeight="1" thickBot="1">
      <c r="A35" s="857"/>
      <c r="B35" s="900">
        <v>11677</v>
      </c>
      <c r="C35" s="746" t="s">
        <v>128</v>
      </c>
      <c r="D35" s="857"/>
      <c r="E35" s="761" t="s">
        <v>44</v>
      </c>
      <c r="F35" s="762" t="s">
        <v>44</v>
      </c>
      <c r="G35" s="868" t="s">
        <v>44</v>
      </c>
      <c r="H35" s="761" t="s">
        <v>44</v>
      </c>
      <c r="I35" s="762" t="s">
        <v>44</v>
      </c>
      <c r="J35" s="869" t="s">
        <v>44</v>
      </c>
      <c r="K35" s="761" t="s">
        <v>44</v>
      </c>
      <c r="L35" s="762" t="s">
        <v>44</v>
      </c>
      <c r="M35" s="762" t="s">
        <v>44</v>
      </c>
      <c r="N35" s="869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3172</v>
      </c>
      <c r="C36" s="873" t="s">
        <v>214</v>
      </c>
      <c r="D36" s="871" t="s">
        <v>724</v>
      </c>
      <c r="E36" s="874">
        <v>1551</v>
      </c>
      <c r="F36" s="874">
        <v>865</v>
      </c>
      <c r="G36" s="874">
        <v>686</v>
      </c>
      <c r="H36" s="874">
        <v>-946</v>
      </c>
      <c r="I36" s="874">
        <v>-580</v>
      </c>
      <c r="J36" s="874">
        <v>-366</v>
      </c>
      <c r="K36" s="874">
        <v>-655</v>
      </c>
      <c r="L36" s="874">
        <v>-470</v>
      </c>
      <c r="M36" s="875">
        <v>-185</v>
      </c>
      <c r="N36" s="1135">
        <v>291</v>
      </c>
      <c r="O36" s="875">
        <v>110</v>
      </c>
      <c r="P36" s="875">
        <v>181</v>
      </c>
      <c r="Q36" s="875">
        <v>2497</v>
      </c>
      <c r="R36" s="875">
        <v>1445</v>
      </c>
      <c r="S36" s="875">
        <v>1052</v>
      </c>
      <c r="T36" s="875">
        <v>1872</v>
      </c>
      <c r="U36" s="875">
        <v>1130</v>
      </c>
      <c r="V36" s="875">
        <v>742</v>
      </c>
      <c r="W36" s="875">
        <v>-625</v>
      </c>
      <c r="X36" s="875">
        <v>-315</v>
      </c>
      <c r="Y36" s="872">
        <v>-310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2137</v>
      </c>
      <c r="C38" s="746" t="s">
        <v>725</v>
      </c>
      <c r="D38" s="876" t="s">
        <v>732</v>
      </c>
      <c r="E38" s="879">
        <v>-268</v>
      </c>
      <c r="F38" s="879">
        <v>-252</v>
      </c>
      <c r="G38" s="879">
        <v>-16</v>
      </c>
      <c r="H38" s="879">
        <v>-639</v>
      </c>
      <c r="I38" s="879">
        <v>-455</v>
      </c>
      <c r="J38" s="879">
        <v>-184</v>
      </c>
      <c r="K38" s="879">
        <v>-655</v>
      </c>
      <c r="L38" s="879">
        <v>-470</v>
      </c>
      <c r="M38" s="880">
        <v>-185</v>
      </c>
      <c r="N38" s="1136">
        <v>-16</v>
      </c>
      <c r="O38" s="880">
        <v>-15</v>
      </c>
      <c r="P38" s="880">
        <v>-1</v>
      </c>
      <c r="Q38" s="880">
        <v>371</v>
      </c>
      <c r="R38" s="880">
        <v>203</v>
      </c>
      <c r="S38" s="880">
        <v>168</v>
      </c>
      <c r="T38" s="880">
        <v>47</v>
      </c>
      <c r="U38" s="880">
        <v>14</v>
      </c>
      <c r="V38" s="880">
        <v>33</v>
      </c>
      <c r="W38" s="880">
        <v>-324</v>
      </c>
      <c r="X38" s="880">
        <v>-189</v>
      </c>
      <c r="Y38" s="878">
        <v>-135</v>
      </c>
    </row>
    <row r="39" spans="1:25" ht="21" customHeight="1">
      <c r="A39" s="849"/>
      <c r="B39" s="878">
        <v>-1451</v>
      </c>
      <c r="C39" s="756" t="s">
        <v>290</v>
      </c>
      <c r="D39" s="856" t="s">
        <v>518</v>
      </c>
      <c r="E39" s="879">
        <v>55</v>
      </c>
      <c r="F39" s="879">
        <v>-7</v>
      </c>
      <c r="G39" s="879">
        <v>62</v>
      </c>
      <c r="H39" s="879">
        <v>-7</v>
      </c>
      <c r="I39" s="879">
        <v>-2</v>
      </c>
      <c r="J39" s="879">
        <v>-5</v>
      </c>
      <c r="K39" s="761" t="s">
        <v>44</v>
      </c>
      <c r="L39" s="761" t="s">
        <v>44</v>
      </c>
      <c r="M39" s="762" t="s">
        <v>44</v>
      </c>
      <c r="N39" s="1136">
        <v>7</v>
      </c>
      <c r="O39" s="880">
        <v>2</v>
      </c>
      <c r="P39" s="880">
        <v>5</v>
      </c>
      <c r="Q39" s="880">
        <v>62</v>
      </c>
      <c r="R39" s="880">
        <v>-5</v>
      </c>
      <c r="S39" s="880">
        <v>67</v>
      </c>
      <c r="T39" s="880">
        <v>-41</v>
      </c>
      <c r="U39" s="880">
        <v>-17</v>
      </c>
      <c r="V39" s="880">
        <v>-24</v>
      </c>
      <c r="W39" s="880">
        <v>-103</v>
      </c>
      <c r="X39" s="880">
        <v>-12</v>
      </c>
      <c r="Y39" s="878">
        <v>-91</v>
      </c>
    </row>
    <row r="40" spans="1:25" ht="21" customHeight="1">
      <c r="A40" s="881" t="s">
        <v>518</v>
      </c>
      <c r="B40" s="878">
        <v>2583</v>
      </c>
      <c r="C40" s="756" t="s">
        <v>291</v>
      </c>
      <c r="D40" s="849" t="s">
        <v>520</v>
      </c>
      <c r="E40" s="879">
        <v>322</v>
      </c>
      <c r="F40" s="879">
        <v>139</v>
      </c>
      <c r="G40" s="879">
        <v>183</v>
      </c>
      <c r="H40" s="879">
        <v>-4</v>
      </c>
      <c r="I40" s="879">
        <v>-10</v>
      </c>
      <c r="J40" s="879">
        <v>6</v>
      </c>
      <c r="K40" s="761" t="s">
        <v>44</v>
      </c>
      <c r="L40" s="761" t="s">
        <v>44</v>
      </c>
      <c r="M40" s="762" t="s">
        <v>44</v>
      </c>
      <c r="N40" s="1136">
        <v>4</v>
      </c>
      <c r="O40" s="880">
        <v>10</v>
      </c>
      <c r="P40" s="880">
        <v>-6</v>
      </c>
      <c r="Q40" s="880">
        <v>326</v>
      </c>
      <c r="R40" s="880">
        <v>149</v>
      </c>
      <c r="S40" s="880">
        <v>177</v>
      </c>
      <c r="T40" s="880">
        <v>1302</v>
      </c>
      <c r="U40" s="880">
        <v>678</v>
      </c>
      <c r="V40" s="880">
        <v>624</v>
      </c>
      <c r="W40" s="880">
        <v>976</v>
      </c>
      <c r="X40" s="880">
        <v>529</v>
      </c>
      <c r="Y40" s="878">
        <v>447</v>
      </c>
    </row>
    <row r="41" spans="1:25" ht="21" customHeight="1">
      <c r="A41" s="881" t="s">
        <v>520</v>
      </c>
      <c r="B41" s="878">
        <v>-4348</v>
      </c>
      <c r="C41" s="756" t="s">
        <v>292</v>
      </c>
      <c r="D41" s="849">
        <v>30</v>
      </c>
      <c r="E41" s="879">
        <v>862</v>
      </c>
      <c r="F41" s="879">
        <v>580</v>
      </c>
      <c r="G41" s="879">
        <v>282</v>
      </c>
      <c r="H41" s="879">
        <v>-14</v>
      </c>
      <c r="I41" s="879">
        <v>-7</v>
      </c>
      <c r="J41" s="879">
        <v>-7</v>
      </c>
      <c r="K41" s="761" t="s">
        <v>44</v>
      </c>
      <c r="L41" s="761" t="s">
        <v>44</v>
      </c>
      <c r="M41" s="762" t="s">
        <v>44</v>
      </c>
      <c r="N41" s="1136">
        <v>14</v>
      </c>
      <c r="O41" s="880">
        <v>7</v>
      </c>
      <c r="P41" s="880">
        <v>7</v>
      </c>
      <c r="Q41" s="880">
        <v>876</v>
      </c>
      <c r="R41" s="880">
        <v>587</v>
      </c>
      <c r="S41" s="880">
        <v>289</v>
      </c>
      <c r="T41" s="880">
        <v>106</v>
      </c>
      <c r="U41" s="880">
        <v>228</v>
      </c>
      <c r="V41" s="880">
        <v>-122</v>
      </c>
      <c r="W41" s="880">
        <v>-770</v>
      </c>
      <c r="X41" s="880">
        <v>-359</v>
      </c>
      <c r="Y41" s="878">
        <v>-411</v>
      </c>
    </row>
    <row r="42" spans="1:25" ht="21" customHeight="1">
      <c r="A42" s="882">
        <v>31</v>
      </c>
      <c r="B42" s="883">
        <v>-4404</v>
      </c>
      <c r="C42" s="763" t="s">
        <v>293</v>
      </c>
      <c r="D42" s="884" t="s">
        <v>734</v>
      </c>
      <c r="E42" s="883">
        <v>563</v>
      </c>
      <c r="F42" s="883">
        <v>412</v>
      </c>
      <c r="G42" s="883">
        <v>151</v>
      </c>
      <c r="H42" s="883">
        <v>18</v>
      </c>
      <c r="I42" s="883">
        <v>3</v>
      </c>
      <c r="J42" s="885">
        <v>15</v>
      </c>
      <c r="K42" s="761" t="s">
        <v>44</v>
      </c>
      <c r="L42" s="761" t="s">
        <v>44</v>
      </c>
      <c r="M42" s="762" t="s">
        <v>44</v>
      </c>
      <c r="N42" s="1137">
        <v>-18</v>
      </c>
      <c r="O42" s="885">
        <v>-3</v>
      </c>
      <c r="P42" s="885">
        <v>-15</v>
      </c>
      <c r="Q42" s="885">
        <v>545</v>
      </c>
      <c r="R42" s="885">
        <v>409</v>
      </c>
      <c r="S42" s="885">
        <v>136</v>
      </c>
      <c r="T42" s="885">
        <v>-25</v>
      </c>
      <c r="U42" s="885">
        <v>47</v>
      </c>
      <c r="V42" s="885">
        <v>-72</v>
      </c>
      <c r="W42" s="885">
        <v>-570</v>
      </c>
      <c r="X42" s="885">
        <v>-362</v>
      </c>
      <c r="Y42" s="886">
        <v>-208</v>
      </c>
    </row>
    <row r="43" spans="1:25" ht="21" customHeight="1">
      <c r="A43" s="887" t="s">
        <v>734</v>
      </c>
      <c r="B43" s="878">
        <v>7835</v>
      </c>
      <c r="C43" s="756" t="s">
        <v>294</v>
      </c>
      <c r="D43" s="888" t="s">
        <v>735</v>
      </c>
      <c r="E43" s="879">
        <v>13</v>
      </c>
      <c r="F43" s="879">
        <v>-5</v>
      </c>
      <c r="G43" s="879">
        <v>18</v>
      </c>
      <c r="H43" s="879">
        <v>19</v>
      </c>
      <c r="I43" s="879">
        <v>-17</v>
      </c>
      <c r="J43" s="879">
        <v>36</v>
      </c>
      <c r="K43" s="889" t="s">
        <v>44</v>
      </c>
      <c r="L43" s="889" t="s">
        <v>44</v>
      </c>
      <c r="M43" s="870" t="s">
        <v>44</v>
      </c>
      <c r="N43" s="1136">
        <v>-19</v>
      </c>
      <c r="O43" s="880">
        <v>17</v>
      </c>
      <c r="P43" s="880">
        <v>-36</v>
      </c>
      <c r="Q43" s="880">
        <v>-6</v>
      </c>
      <c r="R43" s="880">
        <v>12</v>
      </c>
      <c r="S43" s="880">
        <v>-18</v>
      </c>
      <c r="T43" s="880">
        <v>212</v>
      </c>
      <c r="U43" s="880">
        <v>185</v>
      </c>
      <c r="V43" s="880">
        <v>27</v>
      </c>
      <c r="W43" s="880">
        <v>218</v>
      </c>
      <c r="X43" s="880">
        <v>173</v>
      </c>
      <c r="Y43" s="878">
        <v>45</v>
      </c>
    </row>
    <row r="44" spans="1:25" ht="21" customHeight="1">
      <c r="A44" s="881" t="s">
        <v>219</v>
      </c>
      <c r="B44" s="878">
        <v>-9635</v>
      </c>
      <c r="C44" s="756" t="s">
        <v>295</v>
      </c>
      <c r="D44" s="888" t="s">
        <v>736</v>
      </c>
      <c r="E44" s="879">
        <v>64</v>
      </c>
      <c r="F44" s="879">
        <v>16</v>
      </c>
      <c r="G44" s="879">
        <v>48</v>
      </c>
      <c r="H44" s="879">
        <v>-9</v>
      </c>
      <c r="I44" s="879">
        <v>-16</v>
      </c>
      <c r="J44" s="879">
        <v>7</v>
      </c>
      <c r="K44" s="761" t="s">
        <v>44</v>
      </c>
      <c r="L44" s="761" t="s">
        <v>44</v>
      </c>
      <c r="M44" s="762" t="s">
        <v>44</v>
      </c>
      <c r="N44" s="1136">
        <v>9</v>
      </c>
      <c r="O44" s="880">
        <v>16</v>
      </c>
      <c r="P44" s="880">
        <v>-7</v>
      </c>
      <c r="Q44" s="880">
        <v>73</v>
      </c>
      <c r="R44" s="880">
        <v>32</v>
      </c>
      <c r="S44" s="880">
        <v>41</v>
      </c>
      <c r="T44" s="880">
        <v>-98</v>
      </c>
      <c r="U44" s="880">
        <v>-88</v>
      </c>
      <c r="V44" s="880">
        <v>-10</v>
      </c>
      <c r="W44" s="880">
        <v>-171</v>
      </c>
      <c r="X44" s="880">
        <v>-120</v>
      </c>
      <c r="Y44" s="878">
        <v>-51</v>
      </c>
    </row>
    <row r="45" spans="1:25" ht="21" customHeight="1">
      <c r="A45" s="882" t="s">
        <v>810</v>
      </c>
      <c r="B45" s="878">
        <v>8432</v>
      </c>
      <c r="C45" s="756" t="s">
        <v>296</v>
      </c>
      <c r="D45" s="888" t="s">
        <v>738</v>
      </c>
      <c r="E45" s="879">
        <v>78</v>
      </c>
      <c r="F45" s="879">
        <v>-53</v>
      </c>
      <c r="G45" s="879">
        <v>131</v>
      </c>
      <c r="H45" s="879">
        <v>-163</v>
      </c>
      <c r="I45" s="879">
        <v>-154</v>
      </c>
      <c r="J45" s="879">
        <v>-9</v>
      </c>
      <c r="K45" s="761" t="s">
        <v>44</v>
      </c>
      <c r="L45" s="761" t="s">
        <v>44</v>
      </c>
      <c r="M45" s="762" t="s">
        <v>44</v>
      </c>
      <c r="N45" s="1136">
        <v>163</v>
      </c>
      <c r="O45" s="880">
        <v>154</v>
      </c>
      <c r="P45" s="880">
        <v>9</v>
      </c>
      <c r="Q45" s="880">
        <v>241</v>
      </c>
      <c r="R45" s="880">
        <v>101</v>
      </c>
      <c r="S45" s="880">
        <v>140</v>
      </c>
      <c r="T45" s="880">
        <v>242</v>
      </c>
      <c r="U45" s="880">
        <v>88</v>
      </c>
      <c r="V45" s="880">
        <v>154</v>
      </c>
      <c r="W45" s="880">
        <v>1</v>
      </c>
      <c r="X45" s="880">
        <v>-13</v>
      </c>
      <c r="Y45" s="878">
        <v>14</v>
      </c>
    </row>
    <row r="46" spans="1:25" ht="21" customHeight="1">
      <c r="A46" s="882">
        <v>2</v>
      </c>
      <c r="B46" s="878">
        <v>4900</v>
      </c>
      <c r="C46" s="756" t="s">
        <v>297</v>
      </c>
      <c r="D46" s="888" t="s">
        <v>776</v>
      </c>
      <c r="E46" s="879">
        <v>-69</v>
      </c>
      <c r="F46" s="879">
        <v>42</v>
      </c>
      <c r="G46" s="879">
        <v>-111</v>
      </c>
      <c r="H46" s="879">
        <v>-70</v>
      </c>
      <c r="I46" s="879">
        <v>94</v>
      </c>
      <c r="J46" s="879">
        <v>-164</v>
      </c>
      <c r="K46" s="761" t="s">
        <v>44</v>
      </c>
      <c r="L46" s="761" t="s">
        <v>44</v>
      </c>
      <c r="M46" s="762" t="s">
        <v>44</v>
      </c>
      <c r="N46" s="1136">
        <v>70</v>
      </c>
      <c r="O46" s="880">
        <v>-94</v>
      </c>
      <c r="P46" s="880">
        <v>164</v>
      </c>
      <c r="Q46" s="880">
        <v>1</v>
      </c>
      <c r="R46" s="880">
        <v>-52</v>
      </c>
      <c r="S46" s="880">
        <v>53</v>
      </c>
      <c r="T46" s="880">
        <v>90</v>
      </c>
      <c r="U46" s="880">
        <v>-24</v>
      </c>
      <c r="V46" s="880">
        <v>114</v>
      </c>
      <c r="W46" s="880">
        <v>89</v>
      </c>
      <c r="X46" s="880">
        <v>28</v>
      </c>
      <c r="Y46" s="878">
        <v>61</v>
      </c>
    </row>
    <row r="47" spans="1:25" ht="21" customHeight="1">
      <c r="A47" s="881" t="s">
        <v>148</v>
      </c>
      <c r="B47" s="883">
        <v>1293</v>
      </c>
      <c r="C47" s="763" t="s">
        <v>298</v>
      </c>
      <c r="D47" s="888" t="s">
        <v>777</v>
      </c>
      <c r="E47" s="883">
        <v>-62</v>
      </c>
      <c r="F47" s="883">
        <v>-11</v>
      </c>
      <c r="G47" s="883">
        <v>-51</v>
      </c>
      <c r="H47" s="883">
        <v>-69</v>
      </c>
      <c r="I47" s="883">
        <v>-20</v>
      </c>
      <c r="J47" s="885">
        <v>-49</v>
      </c>
      <c r="K47" s="767" t="s">
        <v>44</v>
      </c>
      <c r="L47" s="767" t="s">
        <v>44</v>
      </c>
      <c r="M47" s="768" t="s">
        <v>44</v>
      </c>
      <c r="N47" s="1137">
        <v>69</v>
      </c>
      <c r="O47" s="885">
        <v>20</v>
      </c>
      <c r="P47" s="885">
        <v>49</v>
      </c>
      <c r="Q47" s="885">
        <v>7</v>
      </c>
      <c r="R47" s="885">
        <v>9</v>
      </c>
      <c r="S47" s="885">
        <v>-2</v>
      </c>
      <c r="T47" s="885">
        <v>34</v>
      </c>
      <c r="U47" s="885">
        <v>18</v>
      </c>
      <c r="V47" s="885">
        <v>16</v>
      </c>
      <c r="W47" s="885">
        <v>27</v>
      </c>
      <c r="X47" s="885">
        <v>9</v>
      </c>
      <c r="Y47" s="886">
        <v>18</v>
      </c>
    </row>
    <row r="48" spans="1:25" ht="21" customHeight="1">
      <c r="A48" s="881" t="s">
        <v>741</v>
      </c>
      <c r="B48" s="883">
        <v>104</v>
      </c>
      <c r="C48" s="763" t="s">
        <v>535</v>
      </c>
      <c r="D48" s="888" t="s">
        <v>741</v>
      </c>
      <c r="E48" s="890">
        <v>-7</v>
      </c>
      <c r="F48" s="890">
        <v>4</v>
      </c>
      <c r="G48" s="890">
        <v>-11</v>
      </c>
      <c r="H48" s="890">
        <v>-8</v>
      </c>
      <c r="I48" s="890">
        <v>4</v>
      </c>
      <c r="J48" s="891">
        <v>-12</v>
      </c>
      <c r="K48" s="775" t="s">
        <v>44</v>
      </c>
      <c r="L48" s="775" t="s">
        <v>44</v>
      </c>
      <c r="M48" s="776" t="s">
        <v>44</v>
      </c>
      <c r="N48" s="1138">
        <v>8</v>
      </c>
      <c r="O48" s="891">
        <v>-4</v>
      </c>
      <c r="P48" s="891">
        <v>12</v>
      </c>
      <c r="Q48" s="891">
        <v>1</v>
      </c>
      <c r="R48" s="891">
        <v>0</v>
      </c>
      <c r="S48" s="891">
        <v>1</v>
      </c>
      <c r="T48" s="891">
        <v>3</v>
      </c>
      <c r="U48" s="891">
        <v>1</v>
      </c>
      <c r="V48" s="891">
        <v>2</v>
      </c>
      <c r="W48" s="891">
        <v>2</v>
      </c>
      <c r="X48" s="891">
        <v>1</v>
      </c>
      <c r="Y48" s="892">
        <v>1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64" t="s">
        <v>44</v>
      </c>
      <c r="Q49" s="838" t="s">
        <v>44</v>
      </c>
      <c r="R49" s="838" t="s">
        <v>44</v>
      </c>
      <c r="S49" s="838" t="s">
        <v>44</v>
      </c>
      <c r="T49" s="838" t="s">
        <v>44</v>
      </c>
      <c r="U49" s="838" t="s">
        <v>44</v>
      </c>
      <c r="V49" s="838" t="s">
        <v>44</v>
      </c>
      <c r="W49" s="864" t="s">
        <v>44</v>
      </c>
      <c r="X49" s="838" t="s">
        <v>44</v>
      </c>
      <c r="Y49" s="861" t="s">
        <v>44</v>
      </c>
    </row>
    <row r="50" spans="1:25" ht="15" thickTop="1">
      <c r="A50" s="207" t="s">
        <v>811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812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46-</oddFooter>
    <evenFooter>&amp;C&amp;"ＭＳ ゴシック,太字"&amp;10-47-</even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813</v>
      </c>
      <c r="C1" s="353"/>
      <c r="D1" s="353"/>
      <c r="E1" s="353"/>
      <c r="F1" s="353"/>
      <c r="G1" s="353"/>
      <c r="S1" s="353" t="s">
        <v>814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711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815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747</v>
      </c>
      <c r="L4" s="1321"/>
      <c r="M4" s="1322"/>
      <c r="N4" s="734"/>
      <c r="O4" s="729" t="s">
        <v>597</v>
      </c>
      <c r="P4" s="731"/>
      <c r="Q4" s="1316" t="s">
        <v>464</v>
      </c>
      <c r="R4" s="1317"/>
      <c r="S4" s="1318"/>
      <c r="T4" s="1320" t="s">
        <v>748</v>
      </c>
      <c r="U4" s="1321"/>
      <c r="V4" s="1322"/>
      <c r="W4" s="1320" t="s">
        <v>749</v>
      </c>
      <c r="X4" s="1321"/>
      <c r="Y4" s="1321"/>
    </row>
    <row r="5" spans="1:25" ht="21" customHeight="1">
      <c r="A5" s="731"/>
      <c r="B5" s="731"/>
      <c r="C5" s="1319"/>
      <c r="D5" s="1316" t="s">
        <v>750</v>
      </c>
      <c r="E5" s="1317"/>
      <c r="F5" s="1317"/>
      <c r="G5" s="1318"/>
      <c r="H5" s="1323" t="s">
        <v>549</v>
      </c>
      <c r="I5" s="1324"/>
      <c r="J5" s="1325"/>
      <c r="K5" s="1323" t="s">
        <v>751</v>
      </c>
      <c r="L5" s="1324"/>
      <c r="M5" s="1325"/>
      <c r="N5" s="846"/>
      <c r="O5" s="737" t="s">
        <v>816</v>
      </c>
      <c r="P5" s="846"/>
      <c r="Q5" s="1323" t="s">
        <v>694</v>
      </c>
      <c r="R5" s="1324"/>
      <c r="S5" s="1325"/>
      <c r="T5" s="1323" t="s">
        <v>752</v>
      </c>
      <c r="U5" s="1324"/>
      <c r="V5" s="1325"/>
      <c r="W5" s="1323" t="s">
        <v>753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1099" t="s">
        <v>555</v>
      </c>
      <c r="L6" s="847" t="s">
        <v>556</v>
      </c>
      <c r="M6" s="1101" t="s">
        <v>754</v>
      </c>
      <c r="N6" s="1100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214" t="s">
        <v>212</v>
      </c>
      <c r="N7" s="853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1308801</v>
      </c>
      <c r="C8" s="746" t="s">
        <v>214</v>
      </c>
      <c r="D8" s="854"/>
      <c r="E8" s="745">
        <v>1355</v>
      </c>
      <c r="F8" s="748">
        <v>492</v>
      </c>
      <c r="G8" s="747">
        <v>863</v>
      </c>
      <c r="H8" s="745">
        <v>-3611</v>
      </c>
      <c r="I8" s="748">
        <v>-1887</v>
      </c>
      <c r="J8" s="749">
        <v>-1724</v>
      </c>
      <c r="K8" s="745">
        <v>8647</v>
      </c>
      <c r="L8" s="748">
        <v>4528</v>
      </c>
      <c r="M8" s="748">
        <v>4119</v>
      </c>
      <c r="N8" s="749">
        <v>12258</v>
      </c>
      <c r="O8" s="748">
        <v>6415</v>
      </c>
      <c r="P8" s="747">
        <v>5843</v>
      </c>
      <c r="Q8" s="745">
        <v>4966</v>
      </c>
      <c r="R8" s="748">
        <v>2379</v>
      </c>
      <c r="S8" s="749">
        <v>2587</v>
      </c>
      <c r="T8" s="747">
        <v>54263</v>
      </c>
      <c r="U8" s="748">
        <v>29236</v>
      </c>
      <c r="V8" s="747">
        <v>25027</v>
      </c>
      <c r="W8" s="745">
        <v>49297</v>
      </c>
      <c r="X8" s="748">
        <v>26857</v>
      </c>
      <c r="Y8" s="747">
        <v>22440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3"/>
      <c r="N9" s="754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103047</v>
      </c>
      <c r="C10" s="746" t="s">
        <v>725</v>
      </c>
      <c r="D10" s="849"/>
      <c r="E10" s="755">
        <v>9610</v>
      </c>
      <c r="F10" s="758">
        <v>4976</v>
      </c>
      <c r="G10" s="757">
        <v>4634</v>
      </c>
      <c r="H10" s="755">
        <v>8610</v>
      </c>
      <c r="I10" s="758">
        <v>4513</v>
      </c>
      <c r="J10" s="770">
        <v>4097</v>
      </c>
      <c r="K10" s="755">
        <v>8647</v>
      </c>
      <c r="L10" s="758">
        <v>4528</v>
      </c>
      <c r="M10" s="758">
        <v>4119</v>
      </c>
      <c r="N10" s="770">
        <v>37</v>
      </c>
      <c r="O10" s="758">
        <v>15</v>
      </c>
      <c r="P10" s="755">
        <v>22</v>
      </c>
      <c r="Q10" s="755">
        <v>1000</v>
      </c>
      <c r="R10" s="758">
        <v>463</v>
      </c>
      <c r="S10" s="770">
        <v>537</v>
      </c>
      <c r="T10" s="755">
        <v>4925</v>
      </c>
      <c r="U10" s="758">
        <v>2471</v>
      </c>
      <c r="V10" s="755">
        <v>2454</v>
      </c>
      <c r="W10" s="755">
        <v>3925</v>
      </c>
      <c r="X10" s="758">
        <v>2008</v>
      </c>
      <c r="Y10" s="755">
        <v>1917</v>
      </c>
    </row>
    <row r="11" spans="1:25" ht="21" customHeight="1">
      <c r="A11" s="849" t="s">
        <v>219</v>
      </c>
      <c r="B11" s="757">
        <v>119534</v>
      </c>
      <c r="C11" s="756" t="s">
        <v>290</v>
      </c>
      <c r="D11" s="849" t="s">
        <v>518</v>
      </c>
      <c r="E11" s="755">
        <v>1086</v>
      </c>
      <c r="F11" s="758">
        <v>646</v>
      </c>
      <c r="G11" s="757">
        <v>440</v>
      </c>
      <c r="H11" s="755">
        <v>-26</v>
      </c>
      <c r="I11" s="758">
        <v>-14</v>
      </c>
      <c r="J11" s="770">
        <v>-12</v>
      </c>
      <c r="K11" s="761" t="s">
        <v>44</v>
      </c>
      <c r="L11" s="762" t="s">
        <v>44</v>
      </c>
      <c r="M11" s="762" t="s">
        <v>44</v>
      </c>
      <c r="N11" s="770">
        <v>26</v>
      </c>
      <c r="O11" s="758">
        <v>14</v>
      </c>
      <c r="P11" s="755">
        <v>12</v>
      </c>
      <c r="Q11" s="755">
        <v>1112</v>
      </c>
      <c r="R11" s="758">
        <v>660</v>
      </c>
      <c r="S11" s="770">
        <v>452</v>
      </c>
      <c r="T11" s="755">
        <v>3421</v>
      </c>
      <c r="U11" s="758">
        <v>1911</v>
      </c>
      <c r="V11" s="755">
        <v>1510</v>
      </c>
      <c r="W11" s="755">
        <v>2309</v>
      </c>
      <c r="X11" s="758">
        <v>1251</v>
      </c>
      <c r="Y11" s="755">
        <v>1058</v>
      </c>
    </row>
    <row r="12" spans="1:25" ht="21" customHeight="1">
      <c r="A12" s="849" t="s">
        <v>755</v>
      </c>
      <c r="B12" s="757">
        <v>131684</v>
      </c>
      <c r="C12" s="756" t="s">
        <v>291</v>
      </c>
      <c r="D12" s="849" t="s">
        <v>520</v>
      </c>
      <c r="E12" s="755">
        <v>-369</v>
      </c>
      <c r="F12" s="758">
        <v>-7</v>
      </c>
      <c r="G12" s="757">
        <v>-362</v>
      </c>
      <c r="H12" s="755">
        <v>-32</v>
      </c>
      <c r="I12" s="758">
        <v>-21</v>
      </c>
      <c r="J12" s="770">
        <v>-11</v>
      </c>
      <c r="K12" s="761" t="s">
        <v>44</v>
      </c>
      <c r="L12" s="762" t="s">
        <v>44</v>
      </c>
      <c r="M12" s="762" t="s">
        <v>44</v>
      </c>
      <c r="N12" s="770">
        <v>32</v>
      </c>
      <c r="O12" s="758">
        <v>21</v>
      </c>
      <c r="P12" s="755">
        <v>11</v>
      </c>
      <c r="Q12" s="755">
        <v>-337</v>
      </c>
      <c r="R12" s="758">
        <v>14</v>
      </c>
      <c r="S12" s="770">
        <v>-351</v>
      </c>
      <c r="T12" s="755">
        <v>18371</v>
      </c>
      <c r="U12" s="758">
        <v>10143</v>
      </c>
      <c r="V12" s="755">
        <v>8228</v>
      </c>
      <c r="W12" s="755">
        <v>18708</v>
      </c>
      <c r="X12" s="758">
        <v>10129</v>
      </c>
      <c r="Y12" s="755">
        <v>8579</v>
      </c>
    </row>
    <row r="13" spans="1:25" ht="21" customHeight="1">
      <c r="A13" s="856">
        <v>2</v>
      </c>
      <c r="B13" s="757">
        <v>143183</v>
      </c>
      <c r="C13" s="756" t="s">
        <v>292</v>
      </c>
      <c r="D13" s="856">
        <v>31</v>
      </c>
      <c r="E13" s="755">
        <v>994</v>
      </c>
      <c r="F13" s="758">
        <v>329</v>
      </c>
      <c r="G13" s="757">
        <v>665</v>
      </c>
      <c r="H13" s="755">
        <v>-74</v>
      </c>
      <c r="I13" s="758">
        <v>-48</v>
      </c>
      <c r="J13" s="770">
        <v>-26</v>
      </c>
      <c r="K13" s="761" t="s">
        <v>44</v>
      </c>
      <c r="L13" s="762" t="s">
        <v>44</v>
      </c>
      <c r="M13" s="762" t="s">
        <v>44</v>
      </c>
      <c r="N13" s="770">
        <v>74</v>
      </c>
      <c r="O13" s="758">
        <v>48</v>
      </c>
      <c r="P13" s="755">
        <v>26</v>
      </c>
      <c r="Q13" s="755">
        <v>1068</v>
      </c>
      <c r="R13" s="758">
        <v>377</v>
      </c>
      <c r="S13" s="770">
        <v>691</v>
      </c>
      <c r="T13" s="755">
        <v>12451</v>
      </c>
      <c r="U13" s="758">
        <v>6796</v>
      </c>
      <c r="V13" s="755">
        <v>5655</v>
      </c>
      <c r="W13" s="755">
        <v>11383</v>
      </c>
      <c r="X13" s="758">
        <v>6419</v>
      </c>
      <c r="Y13" s="755">
        <v>4964</v>
      </c>
    </row>
    <row r="14" spans="1:25" ht="21" customHeight="1">
      <c r="A14" s="849" t="s">
        <v>148</v>
      </c>
      <c r="B14" s="766">
        <v>204638</v>
      </c>
      <c r="C14" s="763" t="s">
        <v>293</v>
      </c>
      <c r="D14" s="849" t="s">
        <v>817</v>
      </c>
      <c r="E14" s="766">
        <v>545</v>
      </c>
      <c r="F14" s="765">
        <v>174</v>
      </c>
      <c r="G14" s="764">
        <v>371</v>
      </c>
      <c r="H14" s="766">
        <v>-207</v>
      </c>
      <c r="I14" s="765">
        <v>-128</v>
      </c>
      <c r="J14" s="771">
        <v>-79</v>
      </c>
      <c r="K14" s="767" t="s">
        <v>44</v>
      </c>
      <c r="L14" s="768" t="s">
        <v>44</v>
      </c>
      <c r="M14" s="768" t="s">
        <v>44</v>
      </c>
      <c r="N14" s="770">
        <v>207</v>
      </c>
      <c r="O14" s="765">
        <v>128</v>
      </c>
      <c r="P14" s="766">
        <v>79</v>
      </c>
      <c r="Q14" s="766">
        <v>752</v>
      </c>
      <c r="R14" s="765">
        <v>302</v>
      </c>
      <c r="S14" s="771">
        <v>450</v>
      </c>
      <c r="T14" s="755">
        <v>6358</v>
      </c>
      <c r="U14" s="765">
        <v>3546</v>
      </c>
      <c r="V14" s="766">
        <v>2812</v>
      </c>
      <c r="W14" s="755">
        <v>5606</v>
      </c>
      <c r="X14" s="765">
        <v>3244</v>
      </c>
      <c r="Y14" s="766">
        <v>2362</v>
      </c>
    </row>
    <row r="15" spans="1:25" ht="21" customHeight="1">
      <c r="A15" s="856" t="s">
        <v>818</v>
      </c>
      <c r="B15" s="757">
        <v>178048</v>
      </c>
      <c r="C15" s="756" t="s">
        <v>294</v>
      </c>
      <c r="D15" s="849" t="s">
        <v>219</v>
      </c>
      <c r="E15" s="755">
        <v>-104</v>
      </c>
      <c r="F15" s="758">
        <v>-102</v>
      </c>
      <c r="G15" s="757">
        <v>-2</v>
      </c>
      <c r="H15" s="755">
        <v>-508</v>
      </c>
      <c r="I15" s="758">
        <v>-342</v>
      </c>
      <c r="J15" s="770">
        <v>-166</v>
      </c>
      <c r="K15" s="761" t="s">
        <v>44</v>
      </c>
      <c r="L15" s="762" t="s">
        <v>44</v>
      </c>
      <c r="M15" s="762" t="s">
        <v>44</v>
      </c>
      <c r="N15" s="769">
        <v>508</v>
      </c>
      <c r="O15" s="758">
        <v>342</v>
      </c>
      <c r="P15" s="755">
        <v>166</v>
      </c>
      <c r="Q15" s="755">
        <v>404</v>
      </c>
      <c r="R15" s="758">
        <v>240</v>
      </c>
      <c r="S15" s="770">
        <v>164</v>
      </c>
      <c r="T15" s="759">
        <v>3639</v>
      </c>
      <c r="U15" s="758">
        <v>2078</v>
      </c>
      <c r="V15" s="755">
        <v>1561</v>
      </c>
      <c r="W15" s="759">
        <v>3235</v>
      </c>
      <c r="X15" s="758">
        <v>1838</v>
      </c>
      <c r="Y15" s="755">
        <v>1397</v>
      </c>
    </row>
    <row r="16" spans="1:25" ht="21" customHeight="1">
      <c r="A16" s="849" t="s">
        <v>523</v>
      </c>
      <c r="B16" s="757">
        <v>153006</v>
      </c>
      <c r="C16" s="756" t="s">
        <v>295</v>
      </c>
      <c r="D16" s="849" t="s">
        <v>221</v>
      </c>
      <c r="E16" s="755">
        <v>-696</v>
      </c>
      <c r="F16" s="758">
        <v>-512</v>
      </c>
      <c r="G16" s="757">
        <v>-184</v>
      </c>
      <c r="H16" s="755">
        <v>-1002</v>
      </c>
      <c r="I16" s="758">
        <v>-664</v>
      </c>
      <c r="J16" s="770">
        <v>-338</v>
      </c>
      <c r="K16" s="761" t="s">
        <v>44</v>
      </c>
      <c r="L16" s="762" t="s">
        <v>44</v>
      </c>
      <c r="M16" s="762" t="s">
        <v>44</v>
      </c>
      <c r="N16" s="770">
        <v>1002</v>
      </c>
      <c r="O16" s="758">
        <v>664</v>
      </c>
      <c r="P16" s="755">
        <v>338</v>
      </c>
      <c r="Q16" s="755">
        <v>306</v>
      </c>
      <c r="R16" s="758">
        <v>152</v>
      </c>
      <c r="S16" s="770">
        <v>154</v>
      </c>
      <c r="T16" s="755">
        <v>2025</v>
      </c>
      <c r="U16" s="758">
        <v>1143</v>
      </c>
      <c r="V16" s="755">
        <v>882</v>
      </c>
      <c r="W16" s="755">
        <v>1719</v>
      </c>
      <c r="X16" s="758">
        <v>991</v>
      </c>
      <c r="Y16" s="755">
        <v>728</v>
      </c>
    </row>
    <row r="17" spans="1:25" ht="21" customHeight="1">
      <c r="A17" s="856" t="s">
        <v>533</v>
      </c>
      <c r="B17" s="757">
        <v>167127</v>
      </c>
      <c r="C17" s="756" t="s">
        <v>296</v>
      </c>
      <c r="D17" s="849" t="s">
        <v>729</v>
      </c>
      <c r="E17" s="755">
        <v>-2377</v>
      </c>
      <c r="F17" s="758">
        <v>-1653</v>
      </c>
      <c r="G17" s="878">
        <v>-724</v>
      </c>
      <c r="H17" s="755">
        <v>-2645</v>
      </c>
      <c r="I17" s="758">
        <v>-1758</v>
      </c>
      <c r="J17" s="770">
        <v>-887</v>
      </c>
      <c r="K17" s="761" t="s">
        <v>44</v>
      </c>
      <c r="L17" s="762" t="s">
        <v>44</v>
      </c>
      <c r="M17" s="762" t="s">
        <v>44</v>
      </c>
      <c r="N17" s="770">
        <v>2645</v>
      </c>
      <c r="O17" s="758">
        <v>1758</v>
      </c>
      <c r="P17" s="755">
        <v>887</v>
      </c>
      <c r="Q17" s="755">
        <v>268</v>
      </c>
      <c r="R17" s="758">
        <v>105</v>
      </c>
      <c r="S17" s="770">
        <v>163</v>
      </c>
      <c r="T17" s="755">
        <v>1518</v>
      </c>
      <c r="U17" s="758">
        <v>680</v>
      </c>
      <c r="V17" s="755">
        <v>838</v>
      </c>
      <c r="W17" s="755">
        <v>1250</v>
      </c>
      <c r="X17" s="758">
        <v>575</v>
      </c>
      <c r="Y17" s="755">
        <v>675</v>
      </c>
    </row>
    <row r="18" spans="1:25" ht="21" customHeight="1">
      <c r="A18" s="849" t="s">
        <v>526</v>
      </c>
      <c r="B18" s="757">
        <v>83167</v>
      </c>
      <c r="C18" s="756" t="s">
        <v>297</v>
      </c>
      <c r="D18" s="849" t="s">
        <v>758</v>
      </c>
      <c r="E18" s="755">
        <v>-4090</v>
      </c>
      <c r="F18" s="758">
        <v>-2312</v>
      </c>
      <c r="G18" s="757">
        <v>-1778</v>
      </c>
      <c r="H18" s="755">
        <v>-4387</v>
      </c>
      <c r="I18" s="758">
        <v>-2368</v>
      </c>
      <c r="J18" s="770">
        <v>-2019</v>
      </c>
      <c r="K18" s="761" t="s">
        <v>44</v>
      </c>
      <c r="L18" s="762" t="s">
        <v>44</v>
      </c>
      <c r="M18" s="762" t="s">
        <v>44</v>
      </c>
      <c r="N18" s="770">
        <v>4387</v>
      </c>
      <c r="O18" s="758">
        <v>2368</v>
      </c>
      <c r="P18" s="755">
        <v>2019</v>
      </c>
      <c r="Q18" s="755">
        <v>297</v>
      </c>
      <c r="R18" s="758">
        <v>56</v>
      </c>
      <c r="S18" s="770">
        <v>241</v>
      </c>
      <c r="T18" s="755">
        <v>1177</v>
      </c>
      <c r="U18" s="758">
        <v>375</v>
      </c>
      <c r="V18" s="755">
        <v>802</v>
      </c>
      <c r="W18" s="755">
        <v>880</v>
      </c>
      <c r="X18" s="758">
        <v>319</v>
      </c>
      <c r="Y18" s="755">
        <v>561</v>
      </c>
    </row>
    <row r="19" spans="1:25" ht="21" customHeight="1">
      <c r="A19" s="849" t="s">
        <v>528</v>
      </c>
      <c r="B19" s="766">
        <v>18925</v>
      </c>
      <c r="C19" s="763" t="s">
        <v>298</v>
      </c>
      <c r="D19" s="849" t="s">
        <v>759</v>
      </c>
      <c r="E19" s="766">
        <v>-2967</v>
      </c>
      <c r="F19" s="765">
        <v>-998</v>
      </c>
      <c r="G19" s="764">
        <v>-1969</v>
      </c>
      <c r="H19" s="766">
        <v>-3062</v>
      </c>
      <c r="I19" s="765">
        <v>-1009</v>
      </c>
      <c r="J19" s="771">
        <v>-2053</v>
      </c>
      <c r="K19" s="767" t="s">
        <v>44</v>
      </c>
      <c r="L19" s="768" t="s">
        <v>44</v>
      </c>
      <c r="M19" s="768" t="s">
        <v>44</v>
      </c>
      <c r="N19" s="771">
        <v>3062</v>
      </c>
      <c r="O19" s="765">
        <v>1009</v>
      </c>
      <c r="P19" s="766">
        <v>2053</v>
      </c>
      <c r="Q19" s="766">
        <v>95</v>
      </c>
      <c r="R19" s="765">
        <v>11</v>
      </c>
      <c r="S19" s="771">
        <v>84</v>
      </c>
      <c r="T19" s="755">
        <v>373</v>
      </c>
      <c r="U19" s="765">
        <v>93</v>
      </c>
      <c r="V19" s="766">
        <v>280</v>
      </c>
      <c r="W19" s="755">
        <v>278</v>
      </c>
      <c r="X19" s="765">
        <v>82</v>
      </c>
      <c r="Y19" s="766">
        <v>196</v>
      </c>
    </row>
    <row r="20" spans="1:25" ht="21" customHeight="1">
      <c r="A20" s="849" t="s">
        <v>530</v>
      </c>
      <c r="B20" s="778">
        <v>772</v>
      </c>
      <c r="C20" s="763" t="s">
        <v>535</v>
      </c>
      <c r="D20" s="857"/>
      <c r="E20" s="765">
        <v>-277</v>
      </c>
      <c r="F20" s="765">
        <v>-49</v>
      </c>
      <c r="G20" s="766">
        <v>-228</v>
      </c>
      <c r="H20" s="766">
        <v>-278</v>
      </c>
      <c r="I20" s="765">
        <v>-48</v>
      </c>
      <c r="J20" s="771">
        <v>-230</v>
      </c>
      <c r="K20" s="767" t="s">
        <v>44</v>
      </c>
      <c r="L20" s="768" t="s">
        <v>44</v>
      </c>
      <c r="M20" s="768" t="s">
        <v>44</v>
      </c>
      <c r="N20" s="770">
        <v>278</v>
      </c>
      <c r="O20" s="765">
        <v>48</v>
      </c>
      <c r="P20" s="766">
        <v>230</v>
      </c>
      <c r="Q20" s="766">
        <v>1</v>
      </c>
      <c r="R20" s="765">
        <v>-1</v>
      </c>
      <c r="S20" s="765">
        <v>2</v>
      </c>
      <c r="T20" s="773">
        <v>5</v>
      </c>
      <c r="U20" s="765">
        <v>0</v>
      </c>
      <c r="V20" s="766">
        <v>5</v>
      </c>
      <c r="W20" s="759">
        <v>4</v>
      </c>
      <c r="X20" s="765">
        <v>1</v>
      </c>
      <c r="Y20" s="766">
        <v>3</v>
      </c>
    </row>
    <row r="21" spans="1:25" ht="21" customHeight="1" thickBot="1">
      <c r="A21" s="858"/>
      <c r="B21" s="896">
        <v>5670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1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1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1307446</v>
      </c>
      <c r="C22" s="746" t="s">
        <v>214</v>
      </c>
      <c r="D22" s="849"/>
      <c r="E22" s="865">
        <v>2987</v>
      </c>
      <c r="F22" s="897">
        <v>1315</v>
      </c>
      <c r="G22" s="898">
        <v>1672</v>
      </c>
      <c r="H22" s="865">
        <v>-2875</v>
      </c>
      <c r="I22" s="897">
        <v>-1684</v>
      </c>
      <c r="J22" s="899">
        <v>-1191</v>
      </c>
      <c r="K22" s="865">
        <v>9140</v>
      </c>
      <c r="L22" s="897">
        <v>4648</v>
      </c>
      <c r="M22" s="897">
        <v>4492</v>
      </c>
      <c r="N22" s="899">
        <v>12015</v>
      </c>
      <c r="O22" s="897">
        <v>6332</v>
      </c>
      <c r="P22" s="898">
        <v>5683</v>
      </c>
      <c r="Q22" s="865">
        <v>5862</v>
      </c>
      <c r="R22" s="897">
        <v>2999</v>
      </c>
      <c r="S22" s="899">
        <v>2863</v>
      </c>
      <c r="T22" s="898">
        <v>55408</v>
      </c>
      <c r="U22" s="897">
        <v>29736</v>
      </c>
      <c r="V22" s="898">
        <v>25672</v>
      </c>
      <c r="W22" s="865">
        <v>49546</v>
      </c>
      <c r="X22" s="897">
        <v>26737</v>
      </c>
      <c r="Y22" s="898">
        <v>22809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8"/>
      <c r="G23" s="866"/>
      <c r="H23" s="767"/>
      <c r="I23" s="768"/>
      <c r="J23" s="867"/>
      <c r="K23" s="767"/>
      <c r="L23" s="768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104736</v>
      </c>
      <c r="C24" s="746" t="s">
        <v>725</v>
      </c>
      <c r="D24" s="849"/>
      <c r="E24" s="879">
        <v>10250</v>
      </c>
      <c r="F24" s="880">
        <v>5278</v>
      </c>
      <c r="G24" s="878">
        <v>4972</v>
      </c>
      <c r="H24" s="879">
        <v>9121</v>
      </c>
      <c r="I24" s="880">
        <v>4641</v>
      </c>
      <c r="J24" s="1136">
        <v>4480</v>
      </c>
      <c r="K24" s="879">
        <v>9140</v>
      </c>
      <c r="L24" s="879">
        <v>4648</v>
      </c>
      <c r="M24" s="880">
        <v>4492</v>
      </c>
      <c r="N24" s="1136">
        <v>19</v>
      </c>
      <c r="O24" s="879">
        <v>7</v>
      </c>
      <c r="P24" s="879">
        <v>12</v>
      </c>
      <c r="Q24" s="879">
        <v>1129</v>
      </c>
      <c r="R24" s="880">
        <v>637</v>
      </c>
      <c r="S24" s="1136">
        <v>492</v>
      </c>
      <c r="T24" s="878">
        <v>5279</v>
      </c>
      <c r="U24" s="879">
        <v>2714</v>
      </c>
      <c r="V24" s="879">
        <v>2565</v>
      </c>
      <c r="W24" s="879">
        <v>4150</v>
      </c>
      <c r="X24" s="879">
        <v>2077</v>
      </c>
      <c r="Y24" s="879">
        <v>2073</v>
      </c>
    </row>
    <row r="25" spans="1:25" ht="21" customHeight="1">
      <c r="A25" s="849" t="s">
        <v>518</v>
      </c>
      <c r="B25" s="900">
        <v>119903</v>
      </c>
      <c r="C25" s="756" t="s">
        <v>290</v>
      </c>
      <c r="D25" s="849" t="s">
        <v>518</v>
      </c>
      <c r="E25" s="879">
        <v>1042</v>
      </c>
      <c r="F25" s="880">
        <v>639</v>
      </c>
      <c r="G25" s="878">
        <v>403</v>
      </c>
      <c r="H25" s="879">
        <v>-19</v>
      </c>
      <c r="I25" s="880">
        <v>-10</v>
      </c>
      <c r="J25" s="1136">
        <v>-9</v>
      </c>
      <c r="K25" s="879" t="s">
        <v>44</v>
      </c>
      <c r="L25" s="880" t="s">
        <v>44</v>
      </c>
      <c r="M25" s="880" t="s">
        <v>44</v>
      </c>
      <c r="N25" s="1136">
        <v>19</v>
      </c>
      <c r="O25" s="879">
        <v>10</v>
      </c>
      <c r="P25" s="879">
        <v>9</v>
      </c>
      <c r="Q25" s="879">
        <v>1061</v>
      </c>
      <c r="R25" s="880">
        <v>649</v>
      </c>
      <c r="S25" s="1136">
        <v>412</v>
      </c>
      <c r="T25" s="878">
        <v>3354</v>
      </c>
      <c r="U25" s="879">
        <v>1819</v>
      </c>
      <c r="V25" s="879">
        <v>1535</v>
      </c>
      <c r="W25" s="879">
        <v>2293</v>
      </c>
      <c r="X25" s="879">
        <v>1170</v>
      </c>
      <c r="Y25" s="879">
        <v>1123</v>
      </c>
    </row>
    <row r="26" spans="1:25" ht="21" customHeight="1">
      <c r="A26" s="849" t="s">
        <v>520</v>
      </c>
      <c r="B26" s="900">
        <v>131376</v>
      </c>
      <c r="C26" s="756" t="s">
        <v>291</v>
      </c>
      <c r="D26" s="849" t="s">
        <v>520</v>
      </c>
      <c r="E26" s="879">
        <v>-286</v>
      </c>
      <c r="F26" s="880">
        <v>32</v>
      </c>
      <c r="G26" s="878">
        <v>-318</v>
      </c>
      <c r="H26" s="879">
        <v>-40</v>
      </c>
      <c r="I26" s="880">
        <v>-29</v>
      </c>
      <c r="J26" s="1136">
        <v>-11</v>
      </c>
      <c r="K26" s="879" t="s">
        <v>44</v>
      </c>
      <c r="L26" s="880" t="s">
        <v>44</v>
      </c>
      <c r="M26" s="880" t="s">
        <v>44</v>
      </c>
      <c r="N26" s="1136">
        <v>40</v>
      </c>
      <c r="O26" s="879">
        <v>29</v>
      </c>
      <c r="P26" s="879">
        <v>11</v>
      </c>
      <c r="Q26" s="879">
        <v>-246</v>
      </c>
      <c r="R26" s="880">
        <v>61</v>
      </c>
      <c r="S26" s="1136">
        <v>-307</v>
      </c>
      <c r="T26" s="878">
        <v>17802</v>
      </c>
      <c r="U26" s="879">
        <v>9735</v>
      </c>
      <c r="V26" s="879">
        <v>8067</v>
      </c>
      <c r="W26" s="879">
        <v>18048</v>
      </c>
      <c r="X26" s="879">
        <v>9674</v>
      </c>
      <c r="Y26" s="879">
        <v>8374</v>
      </c>
    </row>
    <row r="27" spans="1:25" ht="21" customHeight="1">
      <c r="A27" s="856">
        <v>31</v>
      </c>
      <c r="B27" s="900">
        <v>147683</v>
      </c>
      <c r="C27" s="756" t="s">
        <v>292</v>
      </c>
      <c r="D27" s="856">
        <v>30</v>
      </c>
      <c r="E27" s="879">
        <v>1401</v>
      </c>
      <c r="F27" s="880">
        <v>619</v>
      </c>
      <c r="G27" s="878">
        <v>782</v>
      </c>
      <c r="H27" s="879">
        <v>-68</v>
      </c>
      <c r="I27" s="880">
        <v>-44</v>
      </c>
      <c r="J27" s="1136">
        <v>-24</v>
      </c>
      <c r="K27" s="879" t="s">
        <v>44</v>
      </c>
      <c r="L27" s="880" t="s">
        <v>44</v>
      </c>
      <c r="M27" s="880" t="s">
        <v>44</v>
      </c>
      <c r="N27" s="1136">
        <v>68</v>
      </c>
      <c r="O27" s="879">
        <v>44</v>
      </c>
      <c r="P27" s="879">
        <v>24</v>
      </c>
      <c r="Q27" s="879">
        <v>1469</v>
      </c>
      <c r="R27" s="880">
        <v>663</v>
      </c>
      <c r="S27" s="1136">
        <v>806</v>
      </c>
      <c r="T27" s="878">
        <v>13137</v>
      </c>
      <c r="U27" s="879">
        <v>7165</v>
      </c>
      <c r="V27" s="879">
        <v>5972</v>
      </c>
      <c r="W27" s="879">
        <v>11668</v>
      </c>
      <c r="X27" s="879">
        <v>6502</v>
      </c>
      <c r="Y27" s="879">
        <v>5166</v>
      </c>
    </row>
    <row r="28" spans="1:25" ht="21" customHeight="1">
      <c r="A28" s="849" t="s">
        <v>148</v>
      </c>
      <c r="B28" s="901">
        <v>207402</v>
      </c>
      <c r="C28" s="763" t="s">
        <v>293</v>
      </c>
      <c r="D28" s="849" t="s">
        <v>148</v>
      </c>
      <c r="E28" s="883">
        <v>695</v>
      </c>
      <c r="F28" s="885">
        <v>232</v>
      </c>
      <c r="G28" s="886">
        <v>463</v>
      </c>
      <c r="H28" s="883">
        <v>-222</v>
      </c>
      <c r="I28" s="885">
        <v>-129</v>
      </c>
      <c r="J28" s="1137">
        <v>-93</v>
      </c>
      <c r="K28" s="883" t="s">
        <v>44</v>
      </c>
      <c r="L28" s="885" t="s">
        <v>44</v>
      </c>
      <c r="M28" s="885" t="s">
        <v>44</v>
      </c>
      <c r="N28" s="1137">
        <v>222</v>
      </c>
      <c r="O28" s="883">
        <v>129</v>
      </c>
      <c r="P28" s="883">
        <v>93</v>
      </c>
      <c r="Q28" s="883">
        <v>917</v>
      </c>
      <c r="R28" s="885">
        <v>361</v>
      </c>
      <c r="S28" s="1137">
        <v>556</v>
      </c>
      <c r="T28" s="886">
        <v>7006</v>
      </c>
      <c r="U28" s="883">
        <v>3899</v>
      </c>
      <c r="V28" s="883">
        <v>3107</v>
      </c>
      <c r="W28" s="883">
        <v>6089</v>
      </c>
      <c r="X28" s="883">
        <v>3538</v>
      </c>
      <c r="Y28" s="883">
        <v>2551</v>
      </c>
    </row>
    <row r="29" spans="1:25" ht="21" customHeight="1">
      <c r="A29" s="856" t="s">
        <v>533</v>
      </c>
      <c r="B29" s="900">
        <v>171760</v>
      </c>
      <c r="C29" s="756" t="s">
        <v>294</v>
      </c>
      <c r="D29" s="849" t="s">
        <v>534</v>
      </c>
      <c r="E29" s="879">
        <v>14</v>
      </c>
      <c r="F29" s="880">
        <v>-30</v>
      </c>
      <c r="G29" s="878">
        <v>44</v>
      </c>
      <c r="H29" s="879">
        <v>-457</v>
      </c>
      <c r="I29" s="880">
        <v>-297</v>
      </c>
      <c r="J29" s="1136">
        <v>-160</v>
      </c>
      <c r="K29" s="879" t="s">
        <v>44</v>
      </c>
      <c r="L29" s="880" t="s">
        <v>44</v>
      </c>
      <c r="M29" s="880" t="s">
        <v>44</v>
      </c>
      <c r="N29" s="1136">
        <v>457</v>
      </c>
      <c r="O29" s="879">
        <v>297</v>
      </c>
      <c r="P29" s="879">
        <v>160</v>
      </c>
      <c r="Q29" s="879">
        <v>471</v>
      </c>
      <c r="R29" s="880">
        <v>267</v>
      </c>
      <c r="S29" s="1136">
        <v>204</v>
      </c>
      <c r="T29" s="878">
        <v>3574</v>
      </c>
      <c r="U29" s="879">
        <v>2051</v>
      </c>
      <c r="V29" s="879">
        <v>1523</v>
      </c>
      <c r="W29" s="879">
        <v>3103</v>
      </c>
      <c r="X29" s="879">
        <v>1784</v>
      </c>
      <c r="Y29" s="879">
        <v>1319</v>
      </c>
    </row>
    <row r="30" spans="1:25" ht="21" customHeight="1">
      <c r="A30" s="849" t="s">
        <v>523</v>
      </c>
      <c r="B30" s="900">
        <v>160903</v>
      </c>
      <c r="C30" s="756" t="s">
        <v>295</v>
      </c>
      <c r="D30" s="849"/>
      <c r="E30" s="879">
        <v>-811</v>
      </c>
      <c r="F30" s="880">
        <v>-628</v>
      </c>
      <c r="G30" s="878">
        <v>-183</v>
      </c>
      <c r="H30" s="879">
        <v>-1133</v>
      </c>
      <c r="I30" s="880">
        <v>-747</v>
      </c>
      <c r="J30" s="1136">
        <v>-386</v>
      </c>
      <c r="K30" s="879" t="s">
        <v>44</v>
      </c>
      <c r="L30" s="880" t="s">
        <v>44</v>
      </c>
      <c r="M30" s="880" t="s">
        <v>44</v>
      </c>
      <c r="N30" s="1136">
        <v>1133</v>
      </c>
      <c r="O30" s="879">
        <v>747</v>
      </c>
      <c r="P30" s="879">
        <v>386</v>
      </c>
      <c r="Q30" s="879">
        <v>322</v>
      </c>
      <c r="R30" s="880">
        <v>119</v>
      </c>
      <c r="S30" s="1136">
        <v>203</v>
      </c>
      <c r="T30" s="878">
        <v>2177</v>
      </c>
      <c r="U30" s="879">
        <v>1192</v>
      </c>
      <c r="V30" s="879">
        <v>985</v>
      </c>
      <c r="W30" s="879">
        <v>1855</v>
      </c>
      <c r="X30" s="879">
        <v>1073</v>
      </c>
      <c r="Y30" s="879">
        <v>782</v>
      </c>
    </row>
    <row r="31" spans="1:25" ht="21" customHeight="1">
      <c r="A31" s="856" t="s">
        <v>533</v>
      </c>
      <c r="B31" s="900">
        <v>159227</v>
      </c>
      <c r="C31" s="756" t="s">
        <v>296</v>
      </c>
      <c r="D31" s="849"/>
      <c r="E31" s="879">
        <v>-2394</v>
      </c>
      <c r="F31" s="880">
        <v>-1642</v>
      </c>
      <c r="G31" s="878">
        <v>-752</v>
      </c>
      <c r="H31" s="879">
        <v>-2673</v>
      </c>
      <c r="I31" s="880">
        <v>-1755</v>
      </c>
      <c r="J31" s="1136">
        <v>-918</v>
      </c>
      <c r="K31" s="879" t="s">
        <v>44</v>
      </c>
      <c r="L31" s="880" t="s">
        <v>44</v>
      </c>
      <c r="M31" s="880" t="s">
        <v>44</v>
      </c>
      <c r="N31" s="1136">
        <v>2673</v>
      </c>
      <c r="O31" s="879">
        <v>1755</v>
      </c>
      <c r="P31" s="879">
        <v>918</v>
      </c>
      <c r="Q31" s="879">
        <v>279</v>
      </c>
      <c r="R31" s="880">
        <v>113</v>
      </c>
      <c r="S31" s="1136">
        <v>166</v>
      </c>
      <c r="T31" s="878">
        <v>1510</v>
      </c>
      <c r="U31" s="879">
        <v>680</v>
      </c>
      <c r="V31" s="879">
        <v>830</v>
      </c>
      <c r="W31" s="879">
        <v>1231</v>
      </c>
      <c r="X31" s="879">
        <v>567</v>
      </c>
      <c r="Y31" s="879">
        <v>664</v>
      </c>
    </row>
    <row r="32" spans="1:25" ht="21" customHeight="1">
      <c r="A32" s="849" t="s">
        <v>526</v>
      </c>
      <c r="B32" s="900">
        <v>80232</v>
      </c>
      <c r="C32" s="756" t="s">
        <v>297</v>
      </c>
      <c r="D32" s="849"/>
      <c r="E32" s="879">
        <v>-3950</v>
      </c>
      <c r="F32" s="880">
        <v>-2229</v>
      </c>
      <c r="G32" s="878">
        <v>-1721</v>
      </c>
      <c r="H32" s="879">
        <v>-4317</v>
      </c>
      <c r="I32" s="880">
        <v>-2333</v>
      </c>
      <c r="J32" s="1136">
        <v>-1984</v>
      </c>
      <c r="K32" s="879" t="s">
        <v>44</v>
      </c>
      <c r="L32" s="880" t="s">
        <v>44</v>
      </c>
      <c r="M32" s="880" t="s">
        <v>44</v>
      </c>
      <c r="N32" s="1136">
        <v>4317</v>
      </c>
      <c r="O32" s="879">
        <v>2333</v>
      </c>
      <c r="P32" s="879">
        <v>1984</v>
      </c>
      <c r="Q32" s="879">
        <v>367</v>
      </c>
      <c r="R32" s="880">
        <v>104</v>
      </c>
      <c r="S32" s="1136">
        <v>263</v>
      </c>
      <c r="T32" s="878">
        <v>1225</v>
      </c>
      <c r="U32" s="879">
        <v>399</v>
      </c>
      <c r="V32" s="879">
        <v>826</v>
      </c>
      <c r="W32" s="879">
        <v>858</v>
      </c>
      <c r="X32" s="879">
        <v>295</v>
      </c>
      <c r="Y32" s="879">
        <v>563</v>
      </c>
    </row>
    <row r="33" spans="1:25" ht="21" customHeight="1">
      <c r="A33" s="849" t="s">
        <v>528</v>
      </c>
      <c r="B33" s="901">
        <v>17843</v>
      </c>
      <c r="C33" s="763" t="s">
        <v>298</v>
      </c>
      <c r="D33" s="857"/>
      <c r="E33" s="883">
        <v>-2726</v>
      </c>
      <c r="F33" s="885">
        <v>-917</v>
      </c>
      <c r="G33" s="886">
        <v>-1809</v>
      </c>
      <c r="H33" s="883">
        <v>-2813</v>
      </c>
      <c r="I33" s="885">
        <v>-941</v>
      </c>
      <c r="J33" s="1137">
        <v>-1872</v>
      </c>
      <c r="K33" s="883" t="s">
        <v>44</v>
      </c>
      <c r="L33" s="885" t="s">
        <v>44</v>
      </c>
      <c r="M33" s="885" t="s">
        <v>44</v>
      </c>
      <c r="N33" s="1137">
        <v>2813</v>
      </c>
      <c r="O33" s="883">
        <v>941</v>
      </c>
      <c r="P33" s="883">
        <v>1872</v>
      </c>
      <c r="Q33" s="883">
        <v>87</v>
      </c>
      <c r="R33" s="885">
        <v>24</v>
      </c>
      <c r="S33" s="1137">
        <v>63</v>
      </c>
      <c r="T33" s="886">
        <v>334</v>
      </c>
      <c r="U33" s="883">
        <v>80</v>
      </c>
      <c r="V33" s="883">
        <v>254</v>
      </c>
      <c r="W33" s="883">
        <v>247</v>
      </c>
      <c r="X33" s="883">
        <v>56</v>
      </c>
      <c r="Y33" s="883">
        <v>191</v>
      </c>
    </row>
    <row r="34" spans="1:25" ht="21" customHeight="1">
      <c r="A34" s="849" t="s">
        <v>530</v>
      </c>
      <c r="B34" s="901">
        <v>711</v>
      </c>
      <c r="C34" s="763" t="s">
        <v>535</v>
      </c>
      <c r="D34" s="857"/>
      <c r="E34" s="885">
        <v>-248</v>
      </c>
      <c r="F34" s="885">
        <v>-39</v>
      </c>
      <c r="G34" s="883">
        <v>-209</v>
      </c>
      <c r="H34" s="883">
        <v>-254</v>
      </c>
      <c r="I34" s="885">
        <v>-40</v>
      </c>
      <c r="J34" s="1137">
        <v>-214</v>
      </c>
      <c r="K34" s="883" t="s">
        <v>44</v>
      </c>
      <c r="L34" s="885" t="s">
        <v>44</v>
      </c>
      <c r="M34" s="885" t="s">
        <v>44</v>
      </c>
      <c r="N34" s="1137">
        <v>254</v>
      </c>
      <c r="O34" s="883">
        <v>40</v>
      </c>
      <c r="P34" s="883">
        <v>214</v>
      </c>
      <c r="Q34" s="883">
        <v>6</v>
      </c>
      <c r="R34" s="885">
        <v>1</v>
      </c>
      <c r="S34" s="885">
        <v>5</v>
      </c>
      <c r="T34" s="886">
        <v>10</v>
      </c>
      <c r="U34" s="883">
        <v>2</v>
      </c>
      <c r="V34" s="883">
        <v>8</v>
      </c>
      <c r="W34" s="883">
        <v>4</v>
      </c>
      <c r="X34" s="883">
        <v>1</v>
      </c>
      <c r="Y34" s="883">
        <v>3</v>
      </c>
    </row>
    <row r="35" spans="1:25" ht="21" customHeight="1" thickBot="1">
      <c r="A35" s="857"/>
      <c r="B35" s="900">
        <v>5670</v>
      </c>
      <c r="C35" s="746" t="s">
        <v>128</v>
      </c>
      <c r="D35" s="857"/>
      <c r="E35" s="761" t="s">
        <v>44</v>
      </c>
      <c r="F35" s="762" t="s">
        <v>44</v>
      </c>
      <c r="G35" s="868" t="s">
        <v>44</v>
      </c>
      <c r="H35" s="761" t="s">
        <v>44</v>
      </c>
      <c r="I35" s="762" t="s">
        <v>44</v>
      </c>
      <c r="J35" s="869" t="s">
        <v>44</v>
      </c>
      <c r="K35" s="761" t="s">
        <v>44</v>
      </c>
      <c r="L35" s="762" t="s">
        <v>44</v>
      </c>
      <c r="M35" s="762" t="s">
        <v>44</v>
      </c>
      <c r="N35" s="869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1355</v>
      </c>
      <c r="C36" s="873" t="s">
        <v>214</v>
      </c>
      <c r="D36" s="871" t="s">
        <v>724</v>
      </c>
      <c r="E36" s="874">
        <v>-1632</v>
      </c>
      <c r="F36" s="874">
        <v>-823</v>
      </c>
      <c r="G36" s="874">
        <v>-809</v>
      </c>
      <c r="H36" s="874">
        <v>-736</v>
      </c>
      <c r="I36" s="874">
        <v>-203</v>
      </c>
      <c r="J36" s="874">
        <v>-533</v>
      </c>
      <c r="K36" s="874">
        <v>-493</v>
      </c>
      <c r="L36" s="874">
        <v>-120</v>
      </c>
      <c r="M36" s="875">
        <v>-373</v>
      </c>
      <c r="N36" s="1135">
        <v>243</v>
      </c>
      <c r="O36" s="875">
        <v>83</v>
      </c>
      <c r="P36" s="875">
        <v>160</v>
      </c>
      <c r="Q36" s="875">
        <v>-896</v>
      </c>
      <c r="R36" s="875">
        <v>-620</v>
      </c>
      <c r="S36" s="875">
        <v>-276</v>
      </c>
      <c r="T36" s="875">
        <v>-1145</v>
      </c>
      <c r="U36" s="875">
        <v>-500</v>
      </c>
      <c r="V36" s="875">
        <v>-645</v>
      </c>
      <c r="W36" s="875">
        <v>-249</v>
      </c>
      <c r="X36" s="875">
        <v>120</v>
      </c>
      <c r="Y36" s="872">
        <v>-369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1689</v>
      </c>
      <c r="C38" s="746" t="s">
        <v>725</v>
      </c>
      <c r="D38" s="876" t="s">
        <v>732</v>
      </c>
      <c r="E38" s="879">
        <v>-640</v>
      </c>
      <c r="F38" s="879">
        <v>-302</v>
      </c>
      <c r="G38" s="879">
        <v>-338</v>
      </c>
      <c r="H38" s="879">
        <v>-511</v>
      </c>
      <c r="I38" s="879">
        <v>-128</v>
      </c>
      <c r="J38" s="879">
        <v>-383</v>
      </c>
      <c r="K38" s="879">
        <v>-493</v>
      </c>
      <c r="L38" s="879">
        <v>-120</v>
      </c>
      <c r="M38" s="880">
        <v>-373</v>
      </c>
      <c r="N38" s="1136">
        <v>18</v>
      </c>
      <c r="O38" s="880">
        <v>8</v>
      </c>
      <c r="P38" s="880">
        <v>10</v>
      </c>
      <c r="Q38" s="880">
        <v>-129</v>
      </c>
      <c r="R38" s="880">
        <v>-174</v>
      </c>
      <c r="S38" s="880">
        <v>45</v>
      </c>
      <c r="T38" s="880">
        <v>-354</v>
      </c>
      <c r="U38" s="880">
        <v>-243</v>
      </c>
      <c r="V38" s="880">
        <v>-111</v>
      </c>
      <c r="W38" s="880">
        <v>-225</v>
      </c>
      <c r="X38" s="880">
        <v>-69</v>
      </c>
      <c r="Y38" s="878">
        <v>-156</v>
      </c>
    </row>
    <row r="39" spans="1:25" ht="21" customHeight="1">
      <c r="A39" s="849"/>
      <c r="B39" s="878">
        <v>-369</v>
      </c>
      <c r="C39" s="756" t="s">
        <v>290</v>
      </c>
      <c r="D39" s="856" t="s">
        <v>518</v>
      </c>
      <c r="E39" s="879">
        <v>44</v>
      </c>
      <c r="F39" s="879">
        <v>7</v>
      </c>
      <c r="G39" s="879">
        <v>37</v>
      </c>
      <c r="H39" s="879">
        <v>-7</v>
      </c>
      <c r="I39" s="879">
        <v>-4</v>
      </c>
      <c r="J39" s="879">
        <v>-3</v>
      </c>
      <c r="K39" s="761" t="s">
        <v>44</v>
      </c>
      <c r="L39" s="761" t="s">
        <v>44</v>
      </c>
      <c r="M39" s="762" t="s">
        <v>44</v>
      </c>
      <c r="N39" s="1136">
        <v>7</v>
      </c>
      <c r="O39" s="880">
        <v>4</v>
      </c>
      <c r="P39" s="880">
        <v>3</v>
      </c>
      <c r="Q39" s="880">
        <v>51</v>
      </c>
      <c r="R39" s="880">
        <v>11</v>
      </c>
      <c r="S39" s="880">
        <v>40</v>
      </c>
      <c r="T39" s="880">
        <v>67</v>
      </c>
      <c r="U39" s="880">
        <v>92</v>
      </c>
      <c r="V39" s="880">
        <v>-25</v>
      </c>
      <c r="W39" s="880">
        <v>16</v>
      </c>
      <c r="X39" s="880">
        <v>81</v>
      </c>
      <c r="Y39" s="878">
        <v>-65</v>
      </c>
    </row>
    <row r="40" spans="1:25" ht="21" customHeight="1">
      <c r="A40" s="881" t="s">
        <v>518</v>
      </c>
      <c r="B40" s="878">
        <v>308</v>
      </c>
      <c r="C40" s="756" t="s">
        <v>291</v>
      </c>
      <c r="D40" s="849" t="s">
        <v>520</v>
      </c>
      <c r="E40" s="879">
        <v>-83</v>
      </c>
      <c r="F40" s="879">
        <v>-39</v>
      </c>
      <c r="G40" s="879">
        <v>-44</v>
      </c>
      <c r="H40" s="879">
        <v>8</v>
      </c>
      <c r="I40" s="879">
        <v>8</v>
      </c>
      <c r="J40" s="879">
        <v>0</v>
      </c>
      <c r="K40" s="761" t="s">
        <v>44</v>
      </c>
      <c r="L40" s="761" t="s">
        <v>44</v>
      </c>
      <c r="M40" s="762" t="s">
        <v>44</v>
      </c>
      <c r="N40" s="1136">
        <v>-8</v>
      </c>
      <c r="O40" s="880">
        <v>-8</v>
      </c>
      <c r="P40" s="880">
        <v>0</v>
      </c>
      <c r="Q40" s="880">
        <v>-91</v>
      </c>
      <c r="R40" s="880">
        <v>-47</v>
      </c>
      <c r="S40" s="880">
        <v>-44</v>
      </c>
      <c r="T40" s="880">
        <v>569</v>
      </c>
      <c r="U40" s="880">
        <v>408</v>
      </c>
      <c r="V40" s="880">
        <v>161</v>
      </c>
      <c r="W40" s="880">
        <v>660</v>
      </c>
      <c r="X40" s="880">
        <v>455</v>
      </c>
      <c r="Y40" s="878">
        <v>205</v>
      </c>
    </row>
    <row r="41" spans="1:25" ht="21" customHeight="1">
      <c r="A41" s="881" t="s">
        <v>520</v>
      </c>
      <c r="B41" s="878">
        <v>-4500</v>
      </c>
      <c r="C41" s="756" t="s">
        <v>292</v>
      </c>
      <c r="D41" s="849">
        <v>30</v>
      </c>
      <c r="E41" s="879">
        <v>-407</v>
      </c>
      <c r="F41" s="879">
        <v>-290</v>
      </c>
      <c r="G41" s="879">
        <v>-117</v>
      </c>
      <c r="H41" s="879">
        <v>-6</v>
      </c>
      <c r="I41" s="879">
        <v>-4</v>
      </c>
      <c r="J41" s="879">
        <v>-2</v>
      </c>
      <c r="K41" s="761" t="s">
        <v>44</v>
      </c>
      <c r="L41" s="761" t="s">
        <v>44</v>
      </c>
      <c r="M41" s="762" t="s">
        <v>44</v>
      </c>
      <c r="N41" s="1136">
        <v>6</v>
      </c>
      <c r="O41" s="880">
        <v>4</v>
      </c>
      <c r="P41" s="880">
        <v>2</v>
      </c>
      <c r="Q41" s="880">
        <v>-401</v>
      </c>
      <c r="R41" s="880">
        <v>-286</v>
      </c>
      <c r="S41" s="880">
        <v>-115</v>
      </c>
      <c r="T41" s="880">
        <v>-686</v>
      </c>
      <c r="U41" s="880">
        <v>-369</v>
      </c>
      <c r="V41" s="880">
        <v>-317</v>
      </c>
      <c r="W41" s="880">
        <v>-285</v>
      </c>
      <c r="X41" s="880">
        <v>-83</v>
      </c>
      <c r="Y41" s="878">
        <v>-202</v>
      </c>
    </row>
    <row r="42" spans="1:25" ht="21" customHeight="1">
      <c r="A42" s="882">
        <v>31</v>
      </c>
      <c r="B42" s="883">
        <v>-2764</v>
      </c>
      <c r="C42" s="763" t="s">
        <v>293</v>
      </c>
      <c r="D42" s="884" t="s">
        <v>734</v>
      </c>
      <c r="E42" s="883">
        <v>-150</v>
      </c>
      <c r="F42" s="883">
        <v>-58</v>
      </c>
      <c r="G42" s="883">
        <v>-92</v>
      </c>
      <c r="H42" s="883">
        <v>15</v>
      </c>
      <c r="I42" s="883">
        <v>1</v>
      </c>
      <c r="J42" s="885">
        <v>14</v>
      </c>
      <c r="K42" s="761" t="s">
        <v>44</v>
      </c>
      <c r="L42" s="761" t="s">
        <v>44</v>
      </c>
      <c r="M42" s="762" t="s">
        <v>44</v>
      </c>
      <c r="N42" s="1137">
        <v>-15</v>
      </c>
      <c r="O42" s="885">
        <v>-1</v>
      </c>
      <c r="P42" s="885">
        <v>-14</v>
      </c>
      <c r="Q42" s="885">
        <v>-165</v>
      </c>
      <c r="R42" s="885">
        <v>-59</v>
      </c>
      <c r="S42" s="885">
        <v>-106</v>
      </c>
      <c r="T42" s="885">
        <v>-648</v>
      </c>
      <c r="U42" s="885">
        <v>-353</v>
      </c>
      <c r="V42" s="885">
        <v>-295</v>
      </c>
      <c r="W42" s="885">
        <v>-483</v>
      </c>
      <c r="X42" s="885">
        <v>-294</v>
      </c>
      <c r="Y42" s="886">
        <v>-189</v>
      </c>
    </row>
    <row r="43" spans="1:25" ht="21" customHeight="1">
      <c r="A43" s="887" t="s">
        <v>734</v>
      </c>
      <c r="B43" s="878">
        <v>6288</v>
      </c>
      <c r="C43" s="756" t="s">
        <v>294</v>
      </c>
      <c r="D43" s="888" t="s">
        <v>735</v>
      </c>
      <c r="E43" s="879">
        <v>-118</v>
      </c>
      <c r="F43" s="879">
        <v>-72</v>
      </c>
      <c r="G43" s="879">
        <v>-46</v>
      </c>
      <c r="H43" s="879">
        <v>-51</v>
      </c>
      <c r="I43" s="879">
        <v>-45</v>
      </c>
      <c r="J43" s="879">
        <v>-6</v>
      </c>
      <c r="K43" s="889" t="s">
        <v>44</v>
      </c>
      <c r="L43" s="889" t="s">
        <v>44</v>
      </c>
      <c r="M43" s="870" t="s">
        <v>44</v>
      </c>
      <c r="N43" s="1136">
        <v>51</v>
      </c>
      <c r="O43" s="880">
        <v>45</v>
      </c>
      <c r="P43" s="880">
        <v>6</v>
      </c>
      <c r="Q43" s="880">
        <v>-67</v>
      </c>
      <c r="R43" s="880">
        <v>-27</v>
      </c>
      <c r="S43" s="880">
        <v>-40</v>
      </c>
      <c r="T43" s="880">
        <v>65</v>
      </c>
      <c r="U43" s="880">
        <v>27</v>
      </c>
      <c r="V43" s="880">
        <v>38</v>
      </c>
      <c r="W43" s="880">
        <v>132</v>
      </c>
      <c r="X43" s="880">
        <v>54</v>
      </c>
      <c r="Y43" s="878">
        <v>78</v>
      </c>
    </row>
    <row r="44" spans="1:25" ht="21" customHeight="1">
      <c r="A44" s="881" t="s">
        <v>219</v>
      </c>
      <c r="B44" s="878">
        <v>-7897</v>
      </c>
      <c r="C44" s="756" t="s">
        <v>295</v>
      </c>
      <c r="D44" s="888" t="s">
        <v>736</v>
      </c>
      <c r="E44" s="879">
        <v>115</v>
      </c>
      <c r="F44" s="879">
        <v>116</v>
      </c>
      <c r="G44" s="879">
        <v>-1</v>
      </c>
      <c r="H44" s="879">
        <v>131</v>
      </c>
      <c r="I44" s="879">
        <v>83</v>
      </c>
      <c r="J44" s="879">
        <v>48</v>
      </c>
      <c r="K44" s="761" t="s">
        <v>44</v>
      </c>
      <c r="L44" s="761" t="s">
        <v>44</v>
      </c>
      <c r="M44" s="762" t="s">
        <v>44</v>
      </c>
      <c r="N44" s="1136">
        <v>-131</v>
      </c>
      <c r="O44" s="880">
        <v>-83</v>
      </c>
      <c r="P44" s="880">
        <v>-48</v>
      </c>
      <c r="Q44" s="880">
        <v>-16</v>
      </c>
      <c r="R44" s="880">
        <v>33</v>
      </c>
      <c r="S44" s="880">
        <v>-49</v>
      </c>
      <c r="T44" s="880">
        <v>-152</v>
      </c>
      <c r="U44" s="880">
        <v>-49</v>
      </c>
      <c r="V44" s="880">
        <v>-103</v>
      </c>
      <c r="W44" s="880">
        <v>-136</v>
      </c>
      <c r="X44" s="880">
        <v>-82</v>
      </c>
      <c r="Y44" s="878">
        <v>-54</v>
      </c>
    </row>
    <row r="45" spans="1:25" ht="21" customHeight="1">
      <c r="A45" s="882" t="s">
        <v>819</v>
      </c>
      <c r="B45" s="878">
        <v>7900</v>
      </c>
      <c r="C45" s="756" t="s">
        <v>296</v>
      </c>
      <c r="D45" s="888" t="s">
        <v>738</v>
      </c>
      <c r="E45" s="879">
        <v>17</v>
      </c>
      <c r="F45" s="879">
        <v>-11</v>
      </c>
      <c r="G45" s="879">
        <v>28</v>
      </c>
      <c r="H45" s="879">
        <v>28</v>
      </c>
      <c r="I45" s="879">
        <v>-3</v>
      </c>
      <c r="J45" s="879">
        <v>31</v>
      </c>
      <c r="K45" s="761" t="s">
        <v>44</v>
      </c>
      <c r="L45" s="761" t="s">
        <v>44</v>
      </c>
      <c r="M45" s="762" t="s">
        <v>44</v>
      </c>
      <c r="N45" s="1136">
        <v>-28</v>
      </c>
      <c r="O45" s="880">
        <v>3</v>
      </c>
      <c r="P45" s="880">
        <v>-31</v>
      </c>
      <c r="Q45" s="880">
        <v>-11</v>
      </c>
      <c r="R45" s="880">
        <v>-8</v>
      </c>
      <c r="S45" s="880">
        <v>-3</v>
      </c>
      <c r="T45" s="880">
        <v>8</v>
      </c>
      <c r="U45" s="880">
        <v>0</v>
      </c>
      <c r="V45" s="880">
        <v>8</v>
      </c>
      <c r="W45" s="880">
        <v>19</v>
      </c>
      <c r="X45" s="880">
        <v>8</v>
      </c>
      <c r="Y45" s="878">
        <v>11</v>
      </c>
    </row>
    <row r="46" spans="1:25" ht="21" customHeight="1">
      <c r="A46" s="882">
        <v>2</v>
      </c>
      <c r="B46" s="878">
        <v>2935</v>
      </c>
      <c r="C46" s="756" t="s">
        <v>297</v>
      </c>
      <c r="D46" s="888" t="s">
        <v>776</v>
      </c>
      <c r="E46" s="879">
        <v>-140</v>
      </c>
      <c r="F46" s="879">
        <v>-83</v>
      </c>
      <c r="G46" s="879">
        <v>-57</v>
      </c>
      <c r="H46" s="879">
        <v>-70</v>
      </c>
      <c r="I46" s="879">
        <v>-35</v>
      </c>
      <c r="J46" s="879">
        <v>-35</v>
      </c>
      <c r="K46" s="761" t="s">
        <v>44</v>
      </c>
      <c r="L46" s="761" t="s">
        <v>44</v>
      </c>
      <c r="M46" s="762" t="s">
        <v>44</v>
      </c>
      <c r="N46" s="1136">
        <v>70</v>
      </c>
      <c r="O46" s="880">
        <v>35</v>
      </c>
      <c r="P46" s="880">
        <v>35</v>
      </c>
      <c r="Q46" s="880">
        <v>-70</v>
      </c>
      <c r="R46" s="880">
        <v>-48</v>
      </c>
      <c r="S46" s="880">
        <v>-22</v>
      </c>
      <c r="T46" s="880">
        <v>-48</v>
      </c>
      <c r="U46" s="880">
        <v>-24</v>
      </c>
      <c r="V46" s="880">
        <v>-24</v>
      </c>
      <c r="W46" s="880">
        <v>22</v>
      </c>
      <c r="X46" s="880">
        <v>24</v>
      </c>
      <c r="Y46" s="878">
        <v>-2</v>
      </c>
    </row>
    <row r="47" spans="1:25" ht="21" customHeight="1">
      <c r="A47" s="881" t="s">
        <v>148</v>
      </c>
      <c r="B47" s="883">
        <v>1082</v>
      </c>
      <c r="C47" s="763" t="s">
        <v>298</v>
      </c>
      <c r="D47" s="888" t="s">
        <v>777</v>
      </c>
      <c r="E47" s="883">
        <v>-241</v>
      </c>
      <c r="F47" s="883">
        <v>-81</v>
      </c>
      <c r="G47" s="883">
        <v>-160</v>
      </c>
      <c r="H47" s="883">
        <v>-249</v>
      </c>
      <c r="I47" s="883">
        <v>-68</v>
      </c>
      <c r="J47" s="885">
        <v>-181</v>
      </c>
      <c r="K47" s="767" t="s">
        <v>44</v>
      </c>
      <c r="L47" s="767" t="s">
        <v>44</v>
      </c>
      <c r="M47" s="768" t="s">
        <v>44</v>
      </c>
      <c r="N47" s="1137">
        <v>249</v>
      </c>
      <c r="O47" s="885">
        <v>68</v>
      </c>
      <c r="P47" s="885">
        <v>181</v>
      </c>
      <c r="Q47" s="885">
        <v>8</v>
      </c>
      <c r="R47" s="885">
        <v>-13</v>
      </c>
      <c r="S47" s="885">
        <v>21</v>
      </c>
      <c r="T47" s="885">
        <v>39</v>
      </c>
      <c r="U47" s="885">
        <v>13</v>
      </c>
      <c r="V47" s="885">
        <v>26</v>
      </c>
      <c r="W47" s="885">
        <v>31</v>
      </c>
      <c r="X47" s="885">
        <v>26</v>
      </c>
      <c r="Y47" s="886">
        <v>5</v>
      </c>
    </row>
    <row r="48" spans="1:25" ht="21" customHeight="1">
      <c r="A48" s="881" t="s">
        <v>741</v>
      </c>
      <c r="B48" s="883">
        <v>61</v>
      </c>
      <c r="C48" s="763" t="s">
        <v>535</v>
      </c>
      <c r="D48" s="888" t="s">
        <v>741</v>
      </c>
      <c r="E48" s="890">
        <v>-29</v>
      </c>
      <c r="F48" s="890">
        <v>-10</v>
      </c>
      <c r="G48" s="890">
        <v>-19</v>
      </c>
      <c r="H48" s="890">
        <v>-24</v>
      </c>
      <c r="I48" s="890">
        <v>-8</v>
      </c>
      <c r="J48" s="891">
        <v>-16</v>
      </c>
      <c r="K48" s="775" t="s">
        <v>44</v>
      </c>
      <c r="L48" s="775" t="s">
        <v>44</v>
      </c>
      <c r="M48" s="768" t="s">
        <v>44</v>
      </c>
      <c r="N48" s="1138">
        <v>24</v>
      </c>
      <c r="O48" s="891">
        <v>8</v>
      </c>
      <c r="P48" s="891">
        <v>16</v>
      </c>
      <c r="Q48" s="891">
        <v>-5</v>
      </c>
      <c r="R48" s="891">
        <v>-2</v>
      </c>
      <c r="S48" s="891">
        <v>-3</v>
      </c>
      <c r="T48" s="891">
        <v>-5</v>
      </c>
      <c r="U48" s="891">
        <v>-2</v>
      </c>
      <c r="V48" s="891">
        <v>-3</v>
      </c>
      <c r="W48" s="891">
        <v>0</v>
      </c>
      <c r="X48" s="891">
        <v>0</v>
      </c>
      <c r="Y48" s="892">
        <v>0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64" t="s">
        <v>44</v>
      </c>
      <c r="Q49" s="838" t="s">
        <v>44</v>
      </c>
      <c r="R49" s="838" t="s">
        <v>44</v>
      </c>
      <c r="S49" s="838" t="s">
        <v>44</v>
      </c>
      <c r="T49" s="864" t="s">
        <v>44</v>
      </c>
      <c r="U49" s="838" t="s">
        <v>44</v>
      </c>
      <c r="V49" s="864" t="s">
        <v>44</v>
      </c>
      <c r="W49" s="861" t="s">
        <v>44</v>
      </c>
      <c r="X49" s="838" t="s">
        <v>44</v>
      </c>
      <c r="Y49" s="861" t="s">
        <v>44</v>
      </c>
    </row>
    <row r="50" spans="1:25" ht="15" thickTop="1">
      <c r="A50" s="207" t="s">
        <v>778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820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48-</oddFooter>
    <evenFooter>&amp;C&amp;"ＭＳ ゴシック,太字"&amp;10-49-</even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topLeftCell="A22" zoomScale="80" zoomScaleNormal="80" workbookViewId="0"/>
  </sheetViews>
  <sheetFormatPr defaultRowHeight="13.5"/>
  <cols>
    <col min="1" max="1" width="6.375" style="165" customWidth="1"/>
    <col min="2" max="3" width="12.75" style="165" customWidth="1"/>
    <col min="4" max="4" width="6.25" style="165" customWidth="1"/>
    <col min="5" max="13" width="9.75" style="165" customWidth="1"/>
    <col min="14" max="14" width="9.625" style="165" customWidth="1"/>
    <col min="15" max="23" width="10.125" style="165" customWidth="1"/>
    <col min="24" max="25" width="10.25" style="165" customWidth="1"/>
    <col min="26" max="16384" width="9" style="165"/>
  </cols>
  <sheetData>
    <row r="1" spans="1:25" ht="21" customHeight="1" thickBot="1">
      <c r="A1" s="840" t="s">
        <v>821</v>
      </c>
      <c r="C1" s="353"/>
      <c r="D1" s="353"/>
      <c r="E1" s="353"/>
      <c r="F1" s="353"/>
      <c r="G1" s="353"/>
      <c r="S1" s="353" t="s">
        <v>822</v>
      </c>
      <c r="X1" s="726"/>
    </row>
    <row r="2" spans="1:25" ht="21" customHeight="1" thickTop="1">
      <c r="A2" s="223"/>
      <c r="B2" s="223"/>
      <c r="C2" s="727"/>
      <c r="D2" s="223"/>
      <c r="E2" s="223"/>
      <c r="F2" s="223"/>
      <c r="G2" s="223"/>
      <c r="H2" s="223"/>
      <c r="I2" s="223"/>
      <c r="J2" s="223"/>
      <c r="K2" s="223"/>
      <c r="L2" s="223"/>
      <c r="M2" s="223"/>
      <c r="N2" s="223"/>
      <c r="O2" s="223"/>
      <c r="P2" s="223"/>
      <c r="Q2" s="223"/>
      <c r="R2" s="223"/>
      <c r="S2" s="223"/>
      <c r="T2" s="223"/>
      <c r="U2" s="223"/>
      <c r="V2" s="223"/>
      <c r="W2" s="223"/>
      <c r="X2" s="223"/>
      <c r="Y2" s="223"/>
    </row>
    <row r="3" spans="1:25" ht="21" customHeight="1">
      <c r="A3" s="1317" t="s">
        <v>823</v>
      </c>
      <c r="B3" s="1318"/>
      <c r="C3" s="730"/>
      <c r="D3" s="1316" t="s">
        <v>545</v>
      </c>
      <c r="E3" s="1317"/>
      <c r="F3" s="1317"/>
      <c r="G3" s="1318"/>
      <c r="H3" s="841"/>
      <c r="I3" s="842"/>
      <c r="J3" s="843"/>
      <c r="K3" s="843"/>
      <c r="L3" s="843"/>
      <c r="M3" s="843"/>
      <c r="N3" s="844"/>
      <c r="O3" s="844"/>
      <c r="P3" s="845"/>
      <c r="Q3" s="843"/>
      <c r="R3" s="842"/>
      <c r="S3" s="843"/>
      <c r="T3" s="844"/>
      <c r="U3" s="844"/>
      <c r="V3" s="844"/>
      <c r="W3" s="843"/>
      <c r="X3" s="844"/>
      <c r="Y3" s="844"/>
    </row>
    <row r="4" spans="1:25" ht="21" customHeight="1">
      <c r="A4" s="1317" t="s">
        <v>824</v>
      </c>
      <c r="B4" s="1318"/>
      <c r="C4" s="1319" t="s">
        <v>274</v>
      </c>
      <c r="D4" s="731"/>
      <c r="E4" s="728"/>
      <c r="F4" s="729"/>
      <c r="G4" s="731"/>
      <c r="H4" s="1316" t="s">
        <v>461</v>
      </c>
      <c r="I4" s="1317"/>
      <c r="J4" s="1318"/>
      <c r="K4" s="1320" t="s">
        <v>825</v>
      </c>
      <c r="L4" s="1321"/>
      <c r="M4" s="1322"/>
      <c r="N4" s="731"/>
      <c r="O4" s="729" t="s">
        <v>597</v>
      </c>
      <c r="P4" s="731"/>
      <c r="Q4" s="1316" t="s">
        <v>464</v>
      </c>
      <c r="R4" s="1317"/>
      <c r="S4" s="1318"/>
      <c r="T4" s="1320" t="s">
        <v>826</v>
      </c>
      <c r="U4" s="1321"/>
      <c r="V4" s="1322"/>
      <c r="W4" s="1320" t="s">
        <v>827</v>
      </c>
      <c r="X4" s="1321"/>
      <c r="Y4" s="1321"/>
    </row>
    <row r="5" spans="1:25" ht="21" customHeight="1">
      <c r="A5" s="731"/>
      <c r="B5" s="731"/>
      <c r="C5" s="1319"/>
      <c r="D5" s="1316" t="s">
        <v>750</v>
      </c>
      <c r="E5" s="1317"/>
      <c r="F5" s="1317"/>
      <c r="G5" s="1318"/>
      <c r="H5" s="1323" t="s">
        <v>828</v>
      </c>
      <c r="I5" s="1324"/>
      <c r="J5" s="1325"/>
      <c r="K5" s="1323" t="s">
        <v>829</v>
      </c>
      <c r="L5" s="1324"/>
      <c r="M5" s="1325"/>
      <c r="N5" s="846"/>
      <c r="O5" s="737" t="s">
        <v>830</v>
      </c>
      <c r="P5" s="846"/>
      <c r="Q5" s="1323" t="s">
        <v>694</v>
      </c>
      <c r="R5" s="1324"/>
      <c r="S5" s="1325"/>
      <c r="T5" s="1323" t="s">
        <v>831</v>
      </c>
      <c r="U5" s="1324"/>
      <c r="V5" s="1325"/>
      <c r="W5" s="1323" t="s">
        <v>753</v>
      </c>
      <c r="X5" s="1324"/>
      <c r="Y5" s="1324"/>
    </row>
    <row r="6" spans="1:25" ht="21" customHeight="1">
      <c r="A6" s="731"/>
      <c r="B6" s="729"/>
      <c r="C6" s="746"/>
      <c r="D6" s="731"/>
      <c r="E6" s="739" t="s">
        <v>555</v>
      </c>
      <c r="F6" s="847" t="s">
        <v>556</v>
      </c>
      <c r="G6" s="739" t="s">
        <v>557</v>
      </c>
      <c r="H6" s="848" t="s">
        <v>555</v>
      </c>
      <c r="I6" s="847" t="s">
        <v>556</v>
      </c>
      <c r="J6" s="849" t="s">
        <v>557</v>
      </c>
      <c r="K6" s="848" t="s">
        <v>555</v>
      </c>
      <c r="L6" s="847" t="s">
        <v>556</v>
      </c>
      <c r="M6" s="849" t="s">
        <v>832</v>
      </c>
      <c r="N6" s="729" t="s">
        <v>723</v>
      </c>
      <c r="O6" s="847" t="s">
        <v>556</v>
      </c>
      <c r="P6" s="729" t="s">
        <v>557</v>
      </c>
      <c r="Q6" s="848" t="s">
        <v>555</v>
      </c>
      <c r="R6" s="847" t="s">
        <v>556</v>
      </c>
      <c r="S6" s="849" t="s">
        <v>557</v>
      </c>
      <c r="T6" s="729" t="s">
        <v>555</v>
      </c>
      <c r="U6" s="847" t="s">
        <v>556</v>
      </c>
      <c r="V6" s="729" t="s">
        <v>557</v>
      </c>
      <c r="W6" s="848" t="s">
        <v>555</v>
      </c>
      <c r="X6" s="847" t="s">
        <v>556</v>
      </c>
      <c r="Y6" s="729" t="s">
        <v>557</v>
      </c>
    </row>
    <row r="7" spans="1:25" ht="21" customHeight="1">
      <c r="A7" s="850"/>
      <c r="B7" s="191" t="s">
        <v>212</v>
      </c>
      <c r="C7" s="851"/>
      <c r="D7" s="850"/>
      <c r="E7" s="852" t="s">
        <v>212</v>
      </c>
      <c r="F7" s="214" t="s">
        <v>212</v>
      </c>
      <c r="G7" s="191" t="s">
        <v>212</v>
      </c>
      <c r="H7" s="852" t="s">
        <v>212</v>
      </c>
      <c r="I7" s="214" t="s">
        <v>212</v>
      </c>
      <c r="J7" s="853" t="s">
        <v>212</v>
      </c>
      <c r="K7" s="852" t="s">
        <v>212</v>
      </c>
      <c r="L7" s="214" t="s">
        <v>212</v>
      </c>
      <c r="M7" s="214" t="s">
        <v>212</v>
      </c>
      <c r="N7" s="853" t="s">
        <v>212</v>
      </c>
      <c r="O7" s="214" t="s">
        <v>212</v>
      </c>
      <c r="P7" s="191" t="s">
        <v>212</v>
      </c>
      <c r="Q7" s="852" t="s">
        <v>212</v>
      </c>
      <c r="R7" s="214" t="s">
        <v>212</v>
      </c>
      <c r="S7" s="853" t="s">
        <v>212</v>
      </c>
      <c r="T7" s="191" t="s">
        <v>212</v>
      </c>
      <c r="U7" s="214" t="s">
        <v>212</v>
      </c>
      <c r="V7" s="191" t="s">
        <v>212</v>
      </c>
      <c r="W7" s="852" t="s">
        <v>212</v>
      </c>
      <c r="X7" s="214" t="s">
        <v>212</v>
      </c>
      <c r="Y7" s="191" t="s">
        <v>212</v>
      </c>
    </row>
    <row r="8" spans="1:25" ht="21" customHeight="1">
      <c r="A8" s="854"/>
      <c r="B8" s="895">
        <v>338290</v>
      </c>
      <c r="C8" s="746" t="s">
        <v>214</v>
      </c>
      <c r="D8" s="854"/>
      <c r="E8" s="745">
        <v>-2311</v>
      </c>
      <c r="F8" s="748">
        <v>-1178</v>
      </c>
      <c r="G8" s="747">
        <v>-1133</v>
      </c>
      <c r="H8" s="745">
        <v>-2311</v>
      </c>
      <c r="I8" s="748">
        <v>-1258</v>
      </c>
      <c r="J8" s="749">
        <v>-1053</v>
      </c>
      <c r="K8" s="745">
        <v>1926</v>
      </c>
      <c r="L8" s="748">
        <v>973</v>
      </c>
      <c r="M8" s="748">
        <v>953</v>
      </c>
      <c r="N8" s="749">
        <v>4237</v>
      </c>
      <c r="O8" s="748">
        <v>2231</v>
      </c>
      <c r="P8" s="747">
        <v>2006</v>
      </c>
      <c r="Q8" s="745">
        <v>0</v>
      </c>
      <c r="R8" s="748">
        <v>80</v>
      </c>
      <c r="S8" s="749">
        <v>-80</v>
      </c>
      <c r="T8" s="747">
        <v>14593</v>
      </c>
      <c r="U8" s="748">
        <v>7227</v>
      </c>
      <c r="V8" s="747">
        <v>7366</v>
      </c>
      <c r="W8" s="745">
        <v>14593</v>
      </c>
      <c r="X8" s="748">
        <v>7147</v>
      </c>
      <c r="Y8" s="747">
        <v>7446</v>
      </c>
    </row>
    <row r="9" spans="1:25" ht="21" customHeight="1">
      <c r="A9" s="849" t="s">
        <v>724</v>
      </c>
      <c r="B9" s="833"/>
      <c r="C9" s="751"/>
      <c r="D9" s="849" t="s">
        <v>724</v>
      </c>
      <c r="E9" s="750"/>
      <c r="F9" s="753"/>
      <c r="G9" s="752"/>
      <c r="H9" s="750"/>
      <c r="I9" s="753"/>
      <c r="J9" s="754"/>
      <c r="K9" s="750"/>
      <c r="L9" s="753"/>
      <c r="M9" s="753"/>
      <c r="N9" s="754"/>
      <c r="O9" s="753"/>
      <c r="P9" s="752"/>
      <c r="Q9" s="750"/>
      <c r="R9" s="753"/>
      <c r="S9" s="754"/>
      <c r="T9" s="752"/>
      <c r="U9" s="753"/>
      <c r="V9" s="752"/>
      <c r="W9" s="750"/>
      <c r="X9" s="753"/>
      <c r="Y9" s="752"/>
    </row>
    <row r="10" spans="1:25" ht="21" customHeight="1">
      <c r="A10" s="849"/>
      <c r="B10" s="757">
        <v>22705</v>
      </c>
      <c r="C10" s="746" t="s">
        <v>725</v>
      </c>
      <c r="D10" s="849"/>
      <c r="E10" s="755">
        <v>2066</v>
      </c>
      <c r="F10" s="758">
        <v>1081</v>
      </c>
      <c r="G10" s="757">
        <v>985</v>
      </c>
      <c r="H10" s="755">
        <v>1923</v>
      </c>
      <c r="I10" s="758">
        <v>970</v>
      </c>
      <c r="J10" s="770">
        <v>953</v>
      </c>
      <c r="K10" s="755">
        <v>1926</v>
      </c>
      <c r="L10" s="758">
        <v>973</v>
      </c>
      <c r="M10" s="758">
        <v>953</v>
      </c>
      <c r="N10" s="770">
        <v>3</v>
      </c>
      <c r="O10" s="758">
        <v>3</v>
      </c>
      <c r="P10" s="755">
        <v>0</v>
      </c>
      <c r="Q10" s="755">
        <v>143</v>
      </c>
      <c r="R10" s="758">
        <v>111</v>
      </c>
      <c r="S10" s="770">
        <v>32</v>
      </c>
      <c r="T10" s="755">
        <v>1150</v>
      </c>
      <c r="U10" s="758">
        <v>598</v>
      </c>
      <c r="V10" s="755">
        <v>552</v>
      </c>
      <c r="W10" s="755">
        <v>1007</v>
      </c>
      <c r="X10" s="758">
        <v>487</v>
      </c>
      <c r="Y10" s="755">
        <v>520</v>
      </c>
    </row>
    <row r="11" spans="1:25" ht="21" customHeight="1">
      <c r="A11" s="849" t="s">
        <v>219</v>
      </c>
      <c r="B11" s="757">
        <v>29177</v>
      </c>
      <c r="C11" s="756" t="s">
        <v>290</v>
      </c>
      <c r="D11" s="849" t="s">
        <v>518</v>
      </c>
      <c r="E11" s="755">
        <v>3</v>
      </c>
      <c r="F11" s="758">
        <v>-21</v>
      </c>
      <c r="G11" s="757">
        <v>24</v>
      </c>
      <c r="H11" s="755">
        <v>-4</v>
      </c>
      <c r="I11" s="758">
        <v>-3</v>
      </c>
      <c r="J11" s="770">
        <v>-1</v>
      </c>
      <c r="K11" s="761" t="s">
        <v>44</v>
      </c>
      <c r="L11" s="762" t="s">
        <v>44</v>
      </c>
      <c r="M11" s="762" t="s">
        <v>44</v>
      </c>
      <c r="N11" s="770">
        <v>4</v>
      </c>
      <c r="O11" s="758">
        <v>3</v>
      </c>
      <c r="P11" s="755">
        <v>1</v>
      </c>
      <c r="Q11" s="755">
        <v>7</v>
      </c>
      <c r="R11" s="758">
        <v>-18</v>
      </c>
      <c r="S11" s="770">
        <v>25</v>
      </c>
      <c r="T11" s="755">
        <v>811</v>
      </c>
      <c r="U11" s="758">
        <v>363</v>
      </c>
      <c r="V11" s="755">
        <v>448</v>
      </c>
      <c r="W11" s="755">
        <v>804</v>
      </c>
      <c r="X11" s="758">
        <v>381</v>
      </c>
      <c r="Y11" s="755">
        <v>423</v>
      </c>
    </row>
    <row r="12" spans="1:25" ht="21" customHeight="1">
      <c r="A12" s="849" t="s">
        <v>755</v>
      </c>
      <c r="B12" s="757">
        <v>29580</v>
      </c>
      <c r="C12" s="756" t="s">
        <v>291</v>
      </c>
      <c r="D12" s="849" t="s">
        <v>520</v>
      </c>
      <c r="E12" s="755">
        <v>-732</v>
      </c>
      <c r="F12" s="758">
        <v>-331</v>
      </c>
      <c r="G12" s="757">
        <v>-401</v>
      </c>
      <c r="H12" s="755">
        <v>-7</v>
      </c>
      <c r="I12" s="758">
        <v>-4</v>
      </c>
      <c r="J12" s="770">
        <v>-3</v>
      </c>
      <c r="K12" s="761" t="s">
        <v>44</v>
      </c>
      <c r="L12" s="762" t="s">
        <v>44</v>
      </c>
      <c r="M12" s="762" t="s">
        <v>44</v>
      </c>
      <c r="N12" s="770">
        <v>7</v>
      </c>
      <c r="O12" s="758">
        <v>4</v>
      </c>
      <c r="P12" s="755">
        <v>3</v>
      </c>
      <c r="Q12" s="755">
        <v>-725</v>
      </c>
      <c r="R12" s="758">
        <v>-327</v>
      </c>
      <c r="S12" s="770">
        <v>-398</v>
      </c>
      <c r="T12" s="755">
        <v>4911</v>
      </c>
      <c r="U12" s="758">
        <v>2307</v>
      </c>
      <c r="V12" s="755">
        <v>2604</v>
      </c>
      <c r="W12" s="755">
        <v>5636</v>
      </c>
      <c r="X12" s="758">
        <v>2634</v>
      </c>
      <c r="Y12" s="755">
        <v>3002</v>
      </c>
    </row>
    <row r="13" spans="1:25" ht="21" customHeight="1">
      <c r="A13" s="856">
        <v>2</v>
      </c>
      <c r="B13" s="757">
        <v>32571</v>
      </c>
      <c r="C13" s="756" t="s">
        <v>292</v>
      </c>
      <c r="D13" s="856">
        <v>31</v>
      </c>
      <c r="E13" s="755">
        <v>-95</v>
      </c>
      <c r="F13" s="758">
        <v>-36</v>
      </c>
      <c r="G13" s="757">
        <v>-59</v>
      </c>
      <c r="H13" s="755">
        <v>-16</v>
      </c>
      <c r="I13" s="758">
        <v>-9</v>
      </c>
      <c r="J13" s="770">
        <v>-7</v>
      </c>
      <c r="K13" s="761" t="s">
        <v>44</v>
      </c>
      <c r="L13" s="762" t="s">
        <v>44</v>
      </c>
      <c r="M13" s="762" t="s">
        <v>44</v>
      </c>
      <c r="N13" s="770">
        <v>16</v>
      </c>
      <c r="O13" s="758">
        <v>9</v>
      </c>
      <c r="P13" s="755">
        <v>7</v>
      </c>
      <c r="Q13" s="755">
        <v>-79</v>
      </c>
      <c r="R13" s="758">
        <v>-27</v>
      </c>
      <c r="S13" s="770">
        <v>-52</v>
      </c>
      <c r="T13" s="755">
        <v>3024</v>
      </c>
      <c r="U13" s="758">
        <v>1526</v>
      </c>
      <c r="V13" s="755">
        <v>1498</v>
      </c>
      <c r="W13" s="755">
        <v>3103</v>
      </c>
      <c r="X13" s="758">
        <v>1553</v>
      </c>
      <c r="Y13" s="755">
        <v>1550</v>
      </c>
    </row>
    <row r="14" spans="1:25" ht="21" customHeight="1">
      <c r="A14" s="849" t="s">
        <v>148</v>
      </c>
      <c r="B14" s="766">
        <v>47497</v>
      </c>
      <c r="C14" s="763" t="s">
        <v>293</v>
      </c>
      <c r="D14" s="849" t="s">
        <v>833</v>
      </c>
      <c r="E14" s="766">
        <v>80</v>
      </c>
      <c r="F14" s="765">
        <v>39</v>
      </c>
      <c r="G14" s="764">
        <v>41</v>
      </c>
      <c r="H14" s="766">
        <v>-55</v>
      </c>
      <c r="I14" s="765">
        <v>-35</v>
      </c>
      <c r="J14" s="771">
        <v>-20</v>
      </c>
      <c r="K14" s="767" t="s">
        <v>44</v>
      </c>
      <c r="L14" s="768" t="s">
        <v>44</v>
      </c>
      <c r="M14" s="768" t="s">
        <v>44</v>
      </c>
      <c r="N14" s="770">
        <v>55</v>
      </c>
      <c r="O14" s="765">
        <v>35</v>
      </c>
      <c r="P14" s="766">
        <v>20</v>
      </c>
      <c r="Q14" s="766">
        <v>135</v>
      </c>
      <c r="R14" s="765">
        <v>74</v>
      </c>
      <c r="S14" s="771">
        <v>61</v>
      </c>
      <c r="T14" s="755">
        <v>1785</v>
      </c>
      <c r="U14" s="765">
        <v>956</v>
      </c>
      <c r="V14" s="766">
        <v>829</v>
      </c>
      <c r="W14" s="755">
        <v>1650</v>
      </c>
      <c r="X14" s="765">
        <v>882</v>
      </c>
      <c r="Y14" s="766">
        <v>768</v>
      </c>
    </row>
    <row r="15" spans="1:25" ht="21" customHeight="1">
      <c r="A15" s="856" t="s">
        <v>834</v>
      </c>
      <c r="B15" s="757">
        <v>46052</v>
      </c>
      <c r="C15" s="756" t="s">
        <v>294</v>
      </c>
      <c r="D15" s="849" t="s">
        <v>219</v>
      </c>
      <c r="E15" s="755">
        <v>89</v>
      </c>
      <c r="F15" s="758">
        <v>14</v>
      </c>
      <c r="G15" s="757">
        <v>75</v>
      </c>
      <c r="H15" s="755">
        <v>-116</v>
      </c>
      <c r="I15" s="758">
        <v>-81</v>
      </c>
      <c r="J15" s="770">
        <v>-35</v>
      </c>
      <c r="K15" s="761" t="s">
        <v>44</v>
      </c>
      <c r="L15" s="762" t="s">
        <v>44</v>
      </c>
      <c r="M15" s="762" t="s">
        <v>44</v>
      </c>
      <c r="N15" s="769">
        <v>116</v>
      </c>
      <c r="O15" s="758">
        <v>81</v>
      </c>
      <c r="P15" s="755">
        <v>35</v>
      </c>
      <c r="Q15" s="755">
        <v>205</v>
      </c>
      <c r="R15" s="758">
        <v>95</v>
      </c>
      <c r="S15" s="770">
        <v>110</v>
      </c>
      <c r="T15" s="759">
        <v>1178</v>
      </c>
      <c r="U15" s="758">
        <v>624</v>
      </c>
      <c r="V15" s="755">
        <v>554</v>
      </c>
      <c r="W15" s="759">
        <v>973</v>
      </c>
      <c r="X15" s="758">
        <v>529</v>
      </c>
      <c r="Y15" s="755">
        <v>444</v>
      </c>
    </row>
    <row r="16" spans="1:25" ht="21" customHeight="1">
      <c r="A16" s="849" t="s">
        <v>523</v>
      </c>
      <c r="B16" s="757">
        <v>45788</v>
      </c>
      <c r="C16" s="756" t="s">
        <v>295</v>
      </c>
      <c r="D16" s="849" t="s">
        <v>221</v>
      </c>
      <c r="E16" s="755">
        <v>-183</v>
      </c>
      <c r="F16" s="758">
        <v>-126</v>
      </c>
      <c r="G16" s="757">
        <v>-57</v>
      </c>
      <c r="H16" s="755">
        <v>-338</v>
      </c>
      <c r="I16" s="758">
        <v>-226</v>
      </c>
      <c r="J16" s="770">
        <v>-112</v>
      </c>
      <c r="K16" s="761" t="s">
        <v>44</v>
      </c>
      <c r="L16" s="762" t="s">
        <v>44</v>
      </c>
      <c r="M16" s="762" t="s">
        <v>44</v>
      </c>
      <c r="N16" s="770">
        <v>338</v>
      </c>
      <c r="O16" s="758">
        <v>226</v>
      </c>
      <c r="P16" s="755">
        <v>112</v>
      </c>
      <c r="Q16" s="755">
        <v>155</v>
      </c>
      <c r="R16" s="758">
        <v>100</v>
      </c>
      <c r="S16" s="770">
        <v>55</v>
      </c>
      <c r="T16" s="755">
        <v>716</v>
      </c>
      <c r="U16" s="758">
        <v>411</v>
      </c>
      <c r="V16" s="755">
        <v>305</v>
      </c>
      <c r="W16" s="755">
        <v>561</v>
      </c>
      <c r="X16" s="758">
        <v>311</v>
      </c>
      <c r="Y16" s="755">
        <v>250</v>
      </c>
    </row>
    <row r="17" spans="1:25" ht="21" customHeight="1">
      <c r="A17" s="856" t="s">
        <v>533</v>
      </c>
      <c r="B17" s="757">
        <v>49841</v>
      </c>
      <c r="C17" s="756" t="s">
        <v>296</v>
      </c>
      <c r="D17" s="849" t="s">
        <v>729</v>
      </c>
      <c r="E17" s="755">
        <v>-851</v>
      </c>
      <c r="F17" s="758">
        <v>-561</v>
      </c>
      <c r="G17" s="878">
        <v>-290</v>
      </c>
      <c r="H17" s="755">
        <v>-917</v>
      </c>
      <c r="I17" s="758">
        <v>-601</v>
      </c>
      <c r="J17" s="770">
        <v>-316</v>
      </c>
      <c r="K17" s="761" t="s">
        <v>44</v>
      </c>
      <c r="L17" s="762" t="s">
        <v>44</v>
      </c>
      <c r="M17" s="762" t="s">
        <v>44</v>
      </c>
      <c r="N17" s="770">
        <v>917</v>
      </c>
      <c r="O17" s="758">
        <v>601</v>
      </c>
      <c r="P17" s="755">
        <v>316</v>
      </c>
      <c r="Q17" s="755">
        <v>66</v>
      </c>
      <c r="R17" s="758">
        <v>40</v>
      </c>
      <c r="S17" s="770">
        <v>26</v>
      </c>
      <c r="T17" s="755">
        <v>543</v>
      </c>
      <c r="U17" s="758">
        <v>271</v>
      </c>
      <c r="V17" s="755">
        <v>272</v>
      </c>
      <c r="W17" s="755">
        <v>477</v>
      </c>
      <c r="X17" s="758">
        <v>231</v>
      </c>
      <c r="Y17" s="755">
        <v>246</v>
      </c>
    </row>
    <row r="18" spans="1:25" ht="21" customHeight="1">
      <c r="A18" s="849" t="s">
        <v>526</v>
      </c>
      <c r="B18" s="757">
        <v>26595</v>
      </c>
      <c r="C18" s="756" t="s">
        <v>297</v>
      </c>
      <c r="D18" s="849" t="s">
        <v>774</v>
      </c>
      <c r="E18" s="755">
        <v>-1523</v>
      </c>
      <c r="F18" s="758">
        <v>-854</v>
      </c>
      <c r="G18" s="757">
        <v>-669</v>
      </c>
      <c r="H18" s="755">
        <v>-1596</v>
      </c>
      <c r="I18" s="758">
        <v>-884</v>
      </c>
      <c r="J18" s="770">
        <v>-712</v>
      </c>
      <c r="K18" s="761" t="s">
        <v>44</v>
      </c>
      <c r="L18" s="762" t="s">
        <v>44</v>
      </c>
      <c r="M18" s="762" t="s">
        <v>44</v>
      </c>
      <c r="N18" s="770">
        <v>1596</v>
      </c>
      <c r="O18" s="758">
        <v>884</v>
      </c>
      <c r="P18" s="755">
        <v>712</v>
      </c>
      <c r="Q18" s="755">
        <v>73</v>
      </c>
      <c r="R18" s="758">
        <v>30</v>
      </c>
      <c r="S18" s="770">
        <v>43</v>
      </c>
      <c r="T18" s="755">
        <v>360</v>
      </c>
      <c r="U18" s="758">
        <v>135</v>
      </c>
      <c r="V18" s="755">
        <v>225</v>
      </c>
      <c r="W18" s="755">
        <v>287</v>
      </c>
      <c r="X18" s="758">
        <v>105</v>
      </c>
      <c r="Y18" s="755">
        <v>182</v>
      </c>
    </row>
    <row r="19" spans="1:25" ht="21" customHeight="1">
      <c r="A19" s="849" t="s">
        <v>528</v>
      </c>
      <c r="B19" s="766">
        <v>6475</v>
      </c>
      <c r="C19" s="763" t="s">
        <v>298</v>
      </c>
      <c r="D19" s="849" t="s">
        <v>761</v>
      </c>
      <c r="E19" s="766">
        <v>-1060</v>
      </c>
      <c r="F19" s="765">
        <v>-365</v>
      </c>
      <c r="G19" s="764">
        <v>-695</v>
      </c>
      <c r="H19" s="766">
        <v>-1079</v>
      </c>
      <c r="I19" s="765">
        <v>-367</v>
      </c>
      <c r="J19" s="771">
        <v>-712</v>
      </c>
      <c r="K19" s="767" t="s">
        <v>44</v>
      </c>
      <c r="L19" s="768" t="s">
        <v>44</v>
      </c>
      <c r="M19" s="768" t="s">
        <v>44</v>
      </c>
      <c r="N19" s="771">
        <v>1079</v>
      </c>
      <c r="O19" s="765">
        <v>367</v>
      </c>
      <c r="P19" s="766">
        <v>712</v>
      </c>
      <c r="Q19" s="766">
        <v>19</v>
      </c>
      <c r="R19" s="765">
        <v>2</v>
      </c>
      <c r="S19" s="771">
        <v>17</v>
      </c>
      <c r="T19" s="755">
        <v>112</v>
      </c>
      <c r="U19" s="765">
        <v>35</v>
      </c>
      <c r="V19" s="766">
        <v>77</v>
      </c>
      <c r="W19" s="755">
        <v>93</v>
      </c>
      <c r="X19" s="765">
        <v>33</v>
      </c>
      <c r="Y19" s="766">
        <v>60</v>
      </c>
    </row>
    <row r="20" spans="1:25" ht="21" customHeight="1">
      <c r="A20" s="849" t="s">
        <v>530</v>
      </c>
      <c r="B20" s="778">
        <v>257</v>
      </c>
      <c r="C20" s="763" t="s">
        <v>535</v>
      </c>
      <c r="D20" s="857"/>
      <c r="E20" s="765">
        <v>-105</v>
      </c>
      <c r="F20" s="765">
        <v>-18</v>
      </c>
      <c r="G20" s="766">
        <v>-87</v>
      </c>
      <c r="H20" s="766">
        <v>-106</v>
      </c>
      <c r="I20" s="765">
        <v>-18</v>
      </c>
      <c r="J20" s="771">
        <v>-88</v>
      </c>
      <c r="K20" s="767" t="s">
        <v>44</v>
      </c>
      <c r="L20" s="768" t="s">
        <v>44</v>
      </c>
      <c r="M20" s="768" t="s">
        <v>44</v>
      </c>
      <c r="N20" s="770">
        <v>106</v>
      </c>
      <c r="O20" s="765">
        <v>18</v>
      </c>
      <c r="P20" s="766">
        <v>88</v>
      </c>
      <c r="Q20" s="766">
        <v>1</v>
      </c>
      <c r="R20" s="765">
        <v>0</v>
      </c>
      <c r="S20" s="765">
        <v>1</v>
      </c>
      <c r="T20" s="759">
        <v>3</v>
      </c>
      <c r="U20" s="765">
        <v>1</v>
      </c>
      <c r="V20" s="766">
        <v>2</v>
      </c>
      <c r="W20" s="773">
        <v>2</v>
      </c>
      <c r="X20" s="765">
        <v>1</v>
      </c>
      <c r="Y20" s="766">
        <v>1</v>
      </c>
    </row>
    <row r="21" spans="1:25" ht="21" customHeight="1" thickBot="1">
      <c r="A21" s="858"/>
      <c r="B21" s="896">
        <v>1752</v>
      </c>
      <c r="C21" s="860" t="s">
        <v>128</v>
      </c>
      <c r="D21" s="858"/>
      <c r="E21" s="861" t="s">
        <v>44</v>
      </c>
      <c r="F21" s="838" t="s">
        <v>44</v>
      </c>
      <c r="G21" s="864" t="s">
        <v>44</v>
      </c>
      <c r="H21" s="861" t="s">
        <v>44</v>
      </c>
      <c r="I21" s="838" t="s">
        <v>44</v>
      </c>
      <c r="J21" s="863" t="s">
        <v>44</v>
      </c>
      <c r="K21" s="861" t="s">
        <v>44</v>
      </c>
      <c r="L21" s="838" t="s">
        <v>44</v>
      </c>
      <c r="M21" s="838" t="s">
        <v>44</v>
      </c>
      <c r="N21" s="1139" t="s">
        <v>44</v>
      </c>
      <c r="O21" s="838" t="s">
        <v>44</v>
      </c>
      <c r="P21" s="861" t="s">
        <v>44</v>
      </c>
      <c r="Q21" s="861" t="s">
        <v>44</v>
      </c>
      <c r="R21" s="838" t="s">
        <v>44</v>
      </c>
      <c r="S21" s="863" t="s">
        <v>44</v>
      </c>
      <c r="T21" s="862" t="s">
        <v>44</v>
      </c>
      <c r="U21" s="838" t="s">
        <v>44</v>
      </c>
      <c r="V21" s="861" t="s">
        <v>44</v>
      </c>
      <c r="W21" s="862" t="s">
        <v>44</v>
      </c>
      <c r="X21" s="838" t="s">
        <v>44</v>
      </c>
      <c r="Y21" s="861" t="s">
        <v>44</v>
      </c>
    </row>
    <row r="22" spans="1:25" ht="21" customHeight="1" thickTop="1">
      <c r="A22" s="849"/>
      <c r="B22" s="865">
        <v>340601</v>
      </c>
      <c r="C22" s="746" t="s">
        <v>214</v>
      </c>
      <c r="D22" s="849"/>
      <c r="E22" s="865">
        <v>-2267</v>
      </c>
      <c r="F22" s="897">
        <v>-1327</v>
      </c>
      <c r="G22" s="898">
        <v>-940</v>
      </c>
      <c r="H22" s="865">
        <v>-2050</v>
      </c>
      <c r="I22" s="897">
        <v>-1113</v>
      </c>
      <c r="J22" s="899">
        <v>-937</v>
      </c>
      <c r="K22" s="865">
        <v>1993</v>
      </c>
      <c r="L22" s="897">
        <v>1015</v>
      </c>
      <c r="M22" s="897">
        <v>978</v>
      </c>
      <c r="N22" s="899">
        <v>4043</v>
      </c>
      <c r="O22" s="897">
        <v>2128</v>
      </c>
      <c r="P22" s="898">
        <v>1915</v>
      </c>
      <c r="Q22" s="865">
        <v>-217</v>
      </c>
      <c r="R22" s="897">
        <v>-214</v>
      </c>
      <c r="S22" s="899">
        <v>-3</v>
      </c>
      <c r="T22" s="898">
        <v>14069</v>
      </c>
      <c r="U22" s="897">
        <v>6866</v>
      </c>
      <c r="V22" s="898">
        <v>7203</v>
      </c>
      <c r="W22" s="865">
        <v>14286</v>
      </c>
      <c r="X22" s="897">
        <v>7080</v>
      </c>
      <c r="Y22" s="898">
        <v>7206</v>
      </c>
    </row>
    <row r="23" spans="1:25" ht="21" customHeight="1">
      <c r="A23" s="849" t="s">
        <v>732</v>
      </c>
      <c r="B23" s="767"/>
      <c r="C23" s="751"/>
      <c r="D23" s="849" t="s">
        <v>732</v>
      </c>
      <c r="E23" s="767"/>
      <c r="F23" s="768"/>
      <c r="G23" s="866"/>
      <c r="H23" s="767"/>
      <c r="I23" s="768"/>
      <c r="J23" s="867"/>
      <c r="K23" s="767"/>
      <c r="L23" s="768"/>
      <c r="M23" s="768"/>
      <c r="N23" s="867"/>
      <c r="O23" s="768"/>
      <c r="P23" s="866"/>
      <c r="Q23" s="767"/>
      <c r="R23" s="768"/>
      <c r="S23" s="867"/>
      <c r="T23" s="866"/>
      <c r="U23" s="768"/>
      <c r="V23" s="866"/>
      <c r="W23" s="767"/>
      <c r="X23" s="768"/>
      <c r="Y23" s="866"/>
    </row>
    <row r="24" spans="1:25" ht="21" customHeight="1">
      <c r="A24" s="849"/>
      <c r="B24" s="900">
        <v>23268</v>
      </c>
      <c r="C24" s="746" t="s">
        <v>725</v>
      </c>
      <c r="D24" s="849"/>
      <c r="E24" s="879">
        <v>2098</v>
      </c>
      <c r="F24" s="880">
        <v>1082</v>
      </c>
      <c r="G24" s="878">
        <v>1016</v>
      </c>
      <c r="H24" s="879">
        <v>1986</v>
      </c>
      <c r="I24" s="880">
        <v>1011</v>
      </c>
      <c r="J24" s="1136">
        <v>975</v>
      </c>
      <c r="K24" s="879">
        <v>1993</v>
      </c>
      <c r="L24" s="879">
        <v>1015</v>
      </c>
      <c r="M24" s="880">
        <v>978</v>
      </c>
      <c r="N24" s="1136">
        <v>7</v>
      </c>
      <c r="O24" s="879">
        <v>4</v>
      </c>
      <c r="P24" s="879">
        <v>3</v>
      </c>
      <c r="Q24" s="879">
        <v>112</v>
      </c>
      <c r="R24" s="880">
        <v>71</v>
      </c>
      <c r="S24" s="1136">
        <v>41</v>
      </c>
      <c r="T24" s="878">
        <v>1178</v>
      </c>
      <c r="U24" s="879">
        <v>616</v>
      </c>
      <c r="V24" s="879">
        <v>562</v>
      </c>
      <c r="W24" s="879">
        <v>1066</v>
      </c>
      <c r="X24" s="879">
        <v>545</v>
      </c>
      <c r="Y24" s="879">
        <v>521</v>
      </c>
    </row>
    <row r="25" spans="1:25" ht="21" customHeight="1">
      <c r="A25" s="849" t="s">
        <v>518</v>
      </c>
      <c r="B25" s="900">
        <v>29895</v>
      </c>
      <c r="C25" s="756" t="s">
        <v>290</v>
      </c>
      <c r="D25" s="849" t="s">
        <v>518</v>
      </c>
      <c r="E25" s="879">
        <v>68</v>
      </c>
      <c r="F25" s="880">
        <v>-30</v>
      </c>
      <c r="G25" s="878">
        <v>98</v>
      </c>
      <c r="H25" s="879">
        <v>-5</v>
      </c>
      <c r="I25" s="880">
        <v>-3</v>
      </c>
      <c r="J25" s="1136">
        <v>-2</v>
      </c>
      <c r="K25" s="879" t="s">
        <v>44</v>
      </c>
      <c r="L25" s="880" t="s">
        <v>44</v>
      </c>
      <c r="M25" s="880" t="s">
        <v>44</v>
      </c>
      <c r="N25" s="1136">
        <v>5</v>
      </c>
      <c r="O25" s="879">
        <v>3</v>
      </c>
      <c r="P25" s="879">
        <v>2</v>
      </c>
      <c r="Q25" s="879">
        <v>73</v>
      </c>
      <c r="R25" s="880">
        <v>-27</v>
      </c>
      <c r="S25" s="1136">
        <v>100</v>
      </c>
      <c r="T25" s="878">
        <v>841</v>
      </c>
      <c r="U25" s="879">
        <v>351</v>
      </c>
      <c r="V25" s="879">
        <v>490</v>
      </c>
      <c r="W25" s="879">
        <v>768</v>
      </c>
      <c r="X25" s="879">
        <v>378</v>
      </c>
      <c r="Y25" s="879">
        <v>390</v>
      </c>
    </row>
    <row r="26" spans="1:25" ht="21" customHeight="1">
      <c r="A26" s="849" t="s">
        <v>520</v>
      </c>
      <c r="B26" s="900">
        <v>29766</v>
      </c>
      <c r="C26" s="756" t="s">
        <v>291</v>
      </c>
      <c r="D26" s="849" t="s">
        <v>520</v>
      </c>
      <c r="E26" s="879">
        <v>-832</v>
      </c>
      <c r="F26" s="880">
        <v>-412</v>
      </c>
      <c r="G26" s="878">
        <v>-420</v>
      </c>
      <c r="H26" s="879">
        <v>-15</v>
      </c>
      <c r="I26" s="880">
        <v>-9</v>
      </c>
      <c r="J26" s="1136">
        <v>-6</v>
      </c>
      <c r="K26" s="879" t="s">
        <v>44</v>
      </c>
      <c r="L26" s="880" t="s">
        <v>44</v>
      </c>
      <c r="M26" s="880" t="s">
        <v>44</v>
      </c>
      <c r="N26" s="1136">
        <v>15</v>
      </c>
      <c r="O26" s="879">
        <v>9</v>
      </c>
      <c r="P26" s="879">
        <v>6</v>
      </c>
      <c r="Q26" s="879">
        <v>-817</v>
      </c>
      <c r="R26" s="880">
        <v>-403</v>
      </c>
      <c r="S26" s="1136">
        <v>-414</v>
      </c>
      <c r="T26" s="878">
        <v>4480</v>
      </c>
      <c r="U26" s="879">
        <v>2089</v>
      </c>
      <c r="V26" s="879">
        <v>2391</v>
      </c>
      <c r="W26" s="879">
        <v>5297</v>
      </c>
      <c r="X26" s="879">
        <v>2492</v>
      </c>
      <c r="Y26" s="879">
        <v>2805</v>
      </c>
    </row>
    <row r="27" spans="1:25" ht="21" customHeight="1">
      <c r="A27" s="856">
        <v>31</v>
      </c>
      <c r="B27" s="900">
        <v>33709</v>
      </c>
      <c r="C27" s="756" t="s">
        <v>292</v>
      </c>
      <c r="D27" s="856">
        <v>30</v>
      </c>
      <c r="E27" s="879">
        <v>-108</v>
      </c>
      <c r="F27" s="880">
        <v>-118</v>
      </c>
      <c r="G27" s="878">
        <v>10</v>
      </c>
      <c r="H27" s="879">
        <v>-22</v>
      </c>
      <c r="I27" s="880">
        <v>-14</v>
      </c>
      <c r="J27" s="1136">
        <v>-8</v>
      </c>
      <c r="K27" s="879" t="s">
        <v>44</v>
      </c>
      <c r="L27" s="880" t="s">
        <v>44</v>
      </c>
      <c r="M27" s="880" t="s">
        <v>44</v>
      </c>
      <c r="N27" s="1136">
        <v>22</v>
      </c>
      <c r="O27" s="879">
        <v>14</v>
      </c>
      <c r="P27" s="879">
        <v>8</v>
      </c>
      <c r="Q27" s="879">
        <v>-86</v>
      </c>
      <c r="R27" s="880">
        <v>-104</v>
      </c>
      <c r="S27" s="1136">
        <v>18</v>
      </c>
      <c r="T27" s="878">
        <v>2966</v>
      </c>
      <c r="U27" s="879">
        <v>1434</v>
      </c>
      <c r="V27" s="879">
        <v>1532</v>
      </c>
      <c r="W27" s="879">
        <v>3052</v>
      </c>
      <c r="X27" s="879">
        <v>1538</v>
      </c>
      <c r="Y27" s="879">
        <v>1514</v>
      </c>
    </row>
    <row r="28" spans="1:25" ht="21" customHeight="1">
      <c r="A28" s="849" t="s">
        <v>148</v>
      </c>
      <c r="B28" s="901">
        <v>48737</v>
      </c>
      <c r="C28" s="763" t="s">
        <v>293</v>
      </c>
      <c r="D28" s="849" t="s">
        <v>148</v>
      </c>
      <c r="E28" s="883">
        <v>31</v>
      </c>
      <c r="F28" s="885">
        <v>-22</v>
      </c>
      <c r="G28" s="886">
        <v>53</v>
      </c>
      <c r="H28" s="883">
        <v>-56</v>
      </c>
      <c r="I28" s="885">
        <v>-36</v>
      </c>
      <c r="J28" s="1137">
        <v>-20</v>
      </c>
      <c r="K28" s="883" t="s">
        <v>44</v>
      </c>
      <c r="L28" s="885" t="s">
        <v>44</v>
      </c>
      <c r="M28" s="885" t="s">
        <v>44</v>
      </c>
      <c r="N28" s="1137">
        <v>56</v>
      </c>
      <c r="O28" s="883">
        <v>36</v>
      </c>
      <c r="P28" s="883">
        <v>20</v>
      </c>
      <c r="Q28" s="883">
        <v>87</v>
      </c>
      <c r="R28" s="885">
        <v>14</v>
      </c>
      <c r="S28" s="1137">
        <v>73</v>
      </c>
      <c r="T28" s="886">
        <v>1843</v>
      </c>
      <c r="U28" s="883">
        <v>948</v>
      </c>
      <c r="V28" s="883">
        <v>895</v>
      </c>
      <c r="W28" s="883">
        <v>1756</v>
      </c>
      <c r="X28" s="883">
        <v>934</v>
      </c>
      <c r="Y28" s="883">
        <v>822</v>
      </c>
    </row>
    <row r="29" spans="1:25" ht="21" customHeight="1">
      <c r="A29" s="856" t="s">
        <v>533</v>
      </c>
      <c r="B29" s="900">
        <v>44963</v>
      </c>
      <c r="C29" s="756" t="s">
        <v>294</v>
      </c>
      <c r="D29" s="849" t="s">
        <v>534</v>
      </c>
      <c r="E29" s="879">
        <v>-85</v>
      </c>
      <c r="F29" s="880">
        <v>-72</v>
      </c>
      <c r="G29" s="878">
        <v>-13</v>
      </c>
      <c r="H29" s="879">
        <v>-144</v>
      </c>
      <c r="I29" s="880">
        <v>-100</v>
      </c>
      <c r="J29" s="1136">
        <v>-44</v>
      </c>
      <c r="K29" s="879" t="s">
        <v>44</v>
      </c>
      <c r="L29" s="880" t="s">
        <v>44</v>
      </c>
      <c r="M29" s="880" t="s">
        <v>44</v>
      </c>
      <c r="N29" s="1136">
        <v>144</v>
      </c>
      <c r="O29" s="879">
        <v>100</v>
      </c>
      <c r="P29" s="879">
        <v>44</v>
      </c>
      <c r="Q29" s="879">
        <v>59</v>
      </c>
      <c r="R29" s="880">
        <v>28</v>
      </c>
      <c r="S29" s="1136">
        <v>31</v>
      </c>
      <c r="T29" s="878">
        <v>1051</v>
      </c>
      <c r="U29" s="879">
        <v>609</v>
      </c>
      <c r="V29" s="879">
        <v>442</v>
      </c>
      <c r="W29" s="879">
        <v>992</v>
      </c>
      <c r="X29" s="879">
        <v>581</v>
      </c>
      <c r="Y29" s="879">
        <v>411</v>
      </c>
    </row>
    <row r="30" spans="1:25" ht="21" customHeight="1">
      <c r="A30" s="849" t="s">
        <v>523</v>
      </c>
      <c r="B30" s="900">
        <v>48285</v>
      </c>
      <c r="C30" s="756" t="s">
        <v>295</v>
      </c>
      <c r="D30" s="849"/>
      <c r="E30" s="879">
        <v>-153</v>
      </c>
      <c r="F30" s="880">
        <v>-148</v>
      </c>
      <c r="G30" s="878">
        <v>-5</v>
      </c>
      <c r="H30" s="879">
        <v>-357</v>
      </c>
      <c r="I30" s="880">
        <v>-263</v>
      </c>
      <c r="J30" s="1136">
        <v>-94</v>
      </c>
      <c r="K30" s="879" t="s">
        <v>44</v>
      </c>
      <c r="L30" s="880" t="s">
        <v>44</v>
      </c>
      <c r="M30" s="880" t="s">
        <v>44</v>
      </c>
      <c r="N30" s="1136">
        <v>357</v>
      </c>
      <c r="O30" s="879">
        <v>263</v>
      </c>
      <c r="P30" s="879">
        <v>94</v>
      </c>
      <c r="Q30" s="879">
        <v>204</v>
      </c>
      <c r="R30" s="880">
        <v>115</v>
      </c>
      <c r="S30" s="1136">
        <v>89</v>
      </c>
      <c r="T30" s="878">
        <v>777</v>
      </c>
      <c r="U30" s="879">
        <v>424</v>
      </c>
      <c r="V30" s="879">
        <v>353</v>
      </c>
      <c r="W30" s="879">
        <v>573</v>
      </c>
      <c r="X30" s="879">
        <v>309</v>
      </c>
      <c r="Y30" s="879">
        <v>264</v>
      </c>
    </row>
    <row r="31" spans="1:25" ht="21" customHeight="1">
      <c r="A31" s="856" t="s">
        <v>533</v>
      </c>
      <c r="B31" s="900">
        <v>47799</v>
      </c>
      <c r="C31" s="756" t="s">
        <v>296</v>
      </c>
      <c r="D31" s="849"/>
      <c r="E31" s="879">
        <v>-729</v>
      </c>
      <c r="F31" s="880">
        <v>-489</v>
      </c>
      <c r="G31" s="878">
        <v>-240</v>
      </c>
      <c r="H31" s="879">
        <v>-891</v>
      </c>
      <c r="I31" s="880">
        <v>-573</v>
      </c>
      <c r="J31" s="1136">
        <v>-318</v>
      </c>
      <c r="K31" s="879" t="s">
        <v>44</v>
      </c>
      <c r="L31" s="880" t="s">
        <v>44</v>
      </c>
      <c r="M31" s="880" t="s">
        <v>44</v>
      </c>
      <c r="N31" s="1136">
        <v>891</v>
      </c>
      <c r="O31" s="879">
        <v>573</v>
      </c>
      <c r="P31" s="879">
        <v>318</v>
      </c>
      <c r="Q31" s="879">
        <v>162</v>
      </c>
      <c r="R31" s="880">
        <v>84</v>
      </c>
      <c r="S31" s="1136">
        <v>78</v>
      </c>
      <c r="T31" s="878">
        <v>526</v>
      </c>
      <c r="U31" s="879">
        <v>255</v>
      </c>
      <c r="V31" s="879">
        <v>271</v>
      </c>
      <c r="W31" s="879">
        <v>364</v>
      </c>
      <c r="X31" s="879">
        <v>171</v>
      </c>
      <c r="Y31" s="879">
        <v>193</v>
      </c>
    </row>
    <row r="32" spans="1:25" ht="21" customHeight="1">
      <c r="A32" s="849" t="s">
        <v>526</v>
      </c>
      <c r="B32" s="900">
        <v>26043</v>
      </c>
      <c r="C32" s="756" t="s">
        <v>297</v>
      </c>
      <c r="D32" s="849"/>
      <c r="E32" s="879">
        <v>-1501</v>
      </c>
      <c r="F32" s="880">
        <v>-776</v>
      </c>
      <c r="G32" s="878">
        <v>-725</v>
      </c>
      <c r="H32" s="879">
        <v>-1501</v>
      </c>
      <c r="I32" s="880">
        <v>-789</v>
      </c>
      <c r="J32" s="1136">
        <v>-712</v>
      </c>
      <c r="K32" s="879" t="s">
        <v>44</v>
      </c>
      <c r="L32" s="880" t="s">
        <v>44</v>
      </c>
      <c r="M32" s="880" t="s">
        <v>44</v>
      </c>
      <c r="N32" s="1136">
        <v>1501</v>
      </c>
      <c r="O32" s="879">
        <v>789</v>
      </c>
      <c r="P32" s="879">
        <v>712</v>
      </c>
      <c r="Q32" s="879">
        <v>0</v>
      </c>
      <c r="R32" s="880">
        <v>13</v>
      </c>
      <c r="S32" s="1136">
        <v>-13</v>
      </c>
      <c r="T32" s="878">
        <v>328</v>
      </c>
      <c r="U32" s="879">
        <v>125</v>
      </c>
      <c r="V32" s="879">
        <v>203</v>
      </c>
      <c r="W32" s="879">
        <v>328</v>
      </c>
      <c r="X32" s="879">
        <v>112</v>
      </c>
      <c r="Y32" s="879">
        <v>216</v>
      </c>
    </row>
    <row r="33" spans="1:25" ht="21" customHeight="1">
      <c r="A33" s="849" t="s">
        <v>528</v>
      </c>
      <c r="B33" s="901">
        <v>6143</v>
      </c>
      <c r="C33" s="763" t="s">
        <v>298</v>
      </c>
      <c r="D33" s="857"/>
      <c r="E33" s="883">
        <v>-967</v>
      </c>
      <c r="F33" s="885">
        <v>-326</v>
      </c>
      <c r="G33" s="886">
        <v>-641</v>
      </c>
      <c r="H33" s="883">
        <v>-958</v>
      </c>
      <c r="I33" s="885">
        <v>-321</v>
      </c>
      <c r="J33" s="1137">
        <v>-637</v>
      </c>
      <c r="K33" s="883" t="s">
        <v>44</v>
      </c>
      <c r="L33" s="885" t="s">
        <v>44</v>
      </c>
      <c r="M33" s="885" t="s">
        <v>44</v>
      </c>
      <c r="N33" s="1137">
        <v>958</v>
      </c>
      <c r="O33" s="883">
        <v>321</v>
      </c>
      <c r="P33" s="883">
        <v>637</v>
      </c>
      <c r="Q33" s="883">
        <v>-9</v>
      </c>
      <c r="R33" s="885">
        <v>-5</v>
      </c>
      <c r="S33" s="1137">
        <v>-4</v>
      </c>
      <c r="T33" s="886">
        <v>79</v>
      </c>
      <c r="U33" s="883">
        <v>15</v>
      </c>
      <c r="V33" s="883">
        <v>64</v>
      </c>
      <c r="W33" s="883">
        <v>88</v>
      </c>
      <c r="X33" s="883">
        <v>20</v>
      </c>
      <c r="Y33" s="883">
        <v>68</v>
      </c>
    </row>
    <row r="34" spans="1:25" ht="21" customHeight="1">
      <c r="A34" s="849" t="s">
        <v>530</v>
      </c>
      <c r="B34" s="901">
        <v>241</v>
      </c>
      <c r="C34" s="763" t="s">
        <v>535</v>
      </c>
      <c r="D34" s="857"/>
      <c r="E34" s="885">
        <v>-89</v>
      </c>
      <c r="F34" s="885">
        <v>-16</v>
      </c>
      <c r="G34" s="883">
        <v>-73</v>
      </c>
      <c r="H34" s="883">
        <v>-87</v>
      </c>
      <c r="I34" s="885">
        <v>-16</v>
      </c>
      <c r="J34" s="1137">
        <v>-71</v>
      </c>
      <c r="K34" s="883" t="s">
        <v>44</v>
      </c>
      <c r="L34" s="885" t="s">
        <v>44</v>
      </c>
      <c r="M34" s="885" t="s">
        <v>44</v>
      </c>
      <c r="N34" s="1137">
        <v>87</v>
      </c>
      <c r="O34" s="883">
        <v>16</v>
      </c>
      <c r="P34" s="883">
        <v>71</v>
      </c>
      <c r="Q34" s="883">
        <v>-2</v>
      </c>
      <c r="R34" s="885">
        <v>0</v>
      </c>
      <c r="S34" s="885">
        <v>-2</v>
      </c>
      <c r="T34" s="886">
        <v>0</v>
      </c>
      <c r="U34" s="883">
        <v>0</v>
      </c>
      <c r="V34" s="883">
        <v>0</v>
      </c>
      <c r="W34" s="883">
        <v>2</v>
      </c>
      <c r="X34" s="883">
        <v>0</v>
      </c>
      <c r="Y34" s="883">
        <v>2</v>
      </c>
    </row>
    <row r="35" spans="1:25" ht="21" customHeight="1" thickBot="1">
      <c r="A35" s="857"/>
      <c r="B35" s="900">
        <v>1752</v>
      </c>
      <c r="C35" s="746" t="s">
        <v>128</v>
      </c>
      <c r="D35" s="857"/>
      <c r="E35" s="761" t="s">
        <v>44</v>
      </c>
      <c r="F35" s="762" t="s">
        <v>44</v>
      </c>
      <c r="G35" s="868" t="s">
        <v>44</v>
      </c>
      <c r="H35" s="761" t="s">
        <v>44</v>
      </c>
      <c r="I35" s="762" t="s">
        <v>44</v>
      </c>
      <c r="J35" s="869" t="s">
        <v>44</v>
      </c>
      <c r="K35" s="761" t="s">
        <v>44</v>
      </c>
      <c r="L35" s="762" t="s">
        <v>44</v>
      </c>
      <c r="M35" s="762" t="s">
        <v>44</v>
      </c>
      <c r="N35" s="869" t="s">
        <v>44</v>
      </c>
      <c r="O35" s="762" t="s">
        <v>44</v>
      </c>
      <c r="P35" s="868" t="s">
        <v>44</v>
      </c>
      <c r="Q35" s="761" t="s">
        <v>44</v>
      </c>
      <c r="R35" s="762" t="s">
        <v>44</v>
      </c>
      <c r="S35" s="869" t="s">
        <v>44</v>
      </c>
      <c r="T35" s="868" t="s">
        <v>44</v>
      </c>
      <c r="U35" s="762" t="s">
        <v>44</v>
      </c>
      <c r="V35" s="868" t="s">
        <v>44</v>
      </c>
      <c r="W35" s="761" t="s">
        <v>44</v>
      </c>
      <c r="X35" s="762" t="s">
        <v>44</v>
      </c>
      <c r="Y35" s="761" t="s">
        <v>44</v>
      </c>
    </row>
    <row r="36" spans="1:25" ht="21" customHeight="1" thickTop="1">
      <c r="A36" s="871" t="s">
        <v>724</v>
      </c>
      <c r="B36" s="872">
        <v>-2311</v>
      </c>
      <c r="C36" s="873" t="s">
        <v>214</v>
      </c>
      <c r="D36" s="871" t="s">
        <v>724</v>
      </c>
      <c r="E36" s="874">
        <v>-44</v>
      </c>
      <c r="F36" s="874">
        <v>149</v>
      </c>
      <c r="G36" s="874">
        <v>-193</v>
      </c>
      <c r="H36" s="874">
        <v>-261</v>
      </c>
      <c r="I36" s="874">
        <v>-145</v>
      </c>
      <c r="J36" s="874">
        <v>-116</v>
      </c>
      <c r="K36" s="874">
        <v>-67</v>
      </c>
      <c r="L36" s="874">
        <v>-42</v>
      </c>
      <c r="M36" s="875">
        <v>-25</v>
      </c>
      <c r="N36" s="1135">
        <v>194</v>
      </c>
      <c r="O36" s="875">
        <v>103</v>
      </c>
      <c r="P36" s="875">
        <v>91</v>
      </c>
      <c r="Q36" s="875">
        <v>217</v>
      </c>
      <c r="R36" s="875">
        <v>294</v>
      </c>
      <c r="S36" s="875">
        <v>-77</v>
      </c>
      <c r="T36" s="875">
        <v>524</v>
      </c>
      <c r="U36" s="875">
        <v>361</v>
      </c>
      <c r="V36" s="875">
        <v>163</v>
      </c>
      <c r="W36" s="875">
        <v>307</v>
      </c>
      <c r="X36" s="875">
        <v>67</v>
      </c>
      <c r="Y36" s="872">
        <v>240</v>
      </c>
    </row>
    <row r="37" spans="1:25" ht="21" customHeight="1">
      <c r="A37" s="876" t="s">
        <v>733</v>
      </c>
      <c r="B37" s="877"/>
      <c r="C37" s="751"/>
      <c r="D37" s="876" t="s">
        <v>733</v>
      </c>
      <c r="E37" s="767"/>
      <c r="F37" s="768"/>
      <c r="G37" s="866"/>
      <c r="H37" s="767"/>
      <c r="I37" s="768"/>
      <c r="J37" s="867"/>
      <c r="K37" s="767"/>
      <c r="L37" s="768"/>
      <c r="M37" s="768"/>
      <c r="N37" s="867"/>
      <c r="O37" s="768"/>
      <c r="P37" s="768"/>
      <c r="Q37" s="768"/>
      <c r="R37" s="768"/>
      <c r="S37" s="768"/>
      <c r="T37" s="768"/>
      <c r="U37" s="768"/>
      <c r="V37" s="768"/>
      <c r="W37" s="768"/>
      <c r="X37" s="768"/>
      <c r="Y37" s="866"/>
    </row>
    <row r="38" spans="1:25" ht="21" customHeight="1">
      <c r="A38" s="876" t="s">
        <v>732</v>
      </c>
      <c r="B38" s="878">
        <v>-563</v>
      </c>
      <c r="C38" s="746" t="s">
        <v>725</v>
      </c>
      <c r="D38" s="876" t="s">
        <v>732</v>
      </c>
      <c r="E38" s="879">
        <v>-32</v>
      </c>
      <c r="F38" s="879">
        <v>-1</v>
      </c>
      <c r="G38" s="879">
        <v>-31</v>
      </c>
      <c r="H38" s="879">
        <v>-63</v>
      </c>
      <c r="I38" s="879">
        <v>-41</v>
      </c>
      <c r="J38" s="879">
        <v>-22</v>
      </c>
      <c r="K38" s="879">
        <v>-67</v>
      </c>
      <c r="L38" s="879">
        <v>-42</v>
      </c>
      <c r="M38" s="880">
        <v>-25</v>
      </c>
      <c r="N38" s="1136">
        <v>-4</v>
      </c>
      <c r="O38" s="880">
        <v>-1</v>
      </c>
      <c r="P38" s="880">
        <v>-3</v>
      </c>
      <c r="Q38" s="880">
        <v>31</v>
      </c>
      <c r="R38" s="880">
        <v>40</v>
      </c>
      <c r="S38" s="880">
        <v>-9</v>
      </c>
      <c r="T38" s="880">
        <v>-28</v>
      </c>
      <c r="U38" s="880">
        <v>-18</v>
      </c>
      <c r="V38" s="880">
        <v>-10</v>
      </c>
      <c r="W38" s="880">
        <v>-59</v>
      </c>
      <c r="X38" s="880">
        <v>-58</v>
      </c>
      <c r="Y38" s="878">
        <v>-1</v>
      </c>
    </row>
    <row r="39" spans="1:25" ht="21" customHeight="1">
      <c r="A39" s="849"/>
      <c r="B39" s="878">
        <v>-718</v>
      </c>
      <c r="C39" s="756" t="s">
        <v>290</v>
      </c>
      <c r="D39" s="856" t="s">
        <v>518</v>
      </c>
      <c r="E39" s="879">
        <v>-65</v>
      </c>
      <c r="F39" s="879">
        <v>9</v>
      </c>
      <c r="G39" s="879">
        <v>-74</v>
      </c>
      <c r="H39" s="879">
        <v>1</v>
      </c>
      <c r="I39" s="879">
        <v>0</v>
      </c>
      <c r="J39" s="879">
        <v>1</v>
      </c>
      <c r="K39" s="761" t="s">
        <v>44</v>
      </c>
      <c r="L39" s="761" t="s">
        <v>44</v>
      </c>
      <c r="M39" s="762" t="s">
        <v>44</v>
      </c>
      <c r="N39" s="1136">
        <v>-1</v>
      </c>
      <c r="O39" s="880">
        <v>0</v>
      </c>
      <c r="P39" s="880">
        <v>-1</v>
      </c>
      <c r="Q39" s="880">
        <v>-66</v>
      </c>
      <c r="R39" s="880">
        <v>9</v>
      </c>
      <c r="S39" s="880">
        <v>-75</v>
      </c>
      <c r="T39" s="880">
        <v>-30</v>
      </c>
      <c r="U39" s="880">
        <v>12</v>
      </c>
      <c r="V39" s="880">
        <v>-42</v>
      </c>
      <c r="W39" s="880">
        <v>36</v>
      </c>
      <c r="X39" s="880">
        <v>3</v>
      </c>
      <c r="Y39" s="878">
        <v>33</v>
      </c>
    </row>
    <row r="40" spans="1:25" ht="21" customHeight="1">
      <c r="A40" s="881" t="s">
        <v>518</v>
      </c>
      <c r="B40" s="878">
        <v>-186</v>
      </c>
      <c r="C40" s="756" t="s">
        <v>291</v>
      </c>
      <c r="D40" s="849" t="s">
        <v>520</v>
      </c>
      <c r="E40" s="879">
        <v>100</v>
      </c>
      <c r="F40" s="879">
        <v>81</v>
      </c>
      <c r="G40" s="879">
        <v>19</v>
      </c>
      <c r="H40" s="879">
        <v>8</v>
      </c>
      <c r="I40" s="879">
        <v>5</v>
      </c>
      <c r="J40" s="879">
        <v>3</v>
      </c>
      <c r="K40" s="761" t="s">
        <v>44</v>
      </c>
      <c r="L40" s="761" t="s">
        <v>44</v>
      </c>
      <c r="M40" s="762" t="s">
        <v>44</v>
      </c>
      <c r="N40" s="1136">
        <v>-8</v>
      </c>
      <c r="O40" s="880">
        <v>-5</v>
      </c>
      <c r="P40" s="880">
        <v>-3</v>
      </c>
      <c r="Q40" s="880">
        <v>92</v>
      </c>
      <c r="R40" s="880">
        <v>76</v>
      </c>
      <c r="S40" s="880">
        <v>16</v>
      </c>
      <c r="T40" s="880">
        <v>431</v>
      </c>
      <c r="U40" s="880">
        <v>218</v>
      </c>
      <c r="V40" s="880">
        <v>213</v>
      </c>
      <c r="W40" s="880">
        <v>339</v>
      </c>
      <c r="X40" s="880">
        <v>142</v>
      </c>
      <c r="Y40" s="878">
        <v>197</v>
      </c>
    </row>
    <row r="41" spans="1:25" ht="21" customHeight="1">
      <c r="A41" s="881" t="s">
        <v>520</v>
      </c>
      <c r="B41" s="878">
        <v>-1138</v>
      </c>
      <c r="C41" s="756" t="s">
        <v>292</v>
      </c>
      <c r="D41" s="849">
        <v>30</v>
      </c>
      <c r="E41" s="879">
        <v>13</v>
      </c>
      <c r="F41" s="879">
        <v>82</v>
      </c>
      <c r="G41" s="879">
        <v>-69</v>
      </c>
      <c r="H41" s="879">
        <v>6</v>
      </c>
      <c r="I41" s="879">
        <v>5</v>
      </c>
      <c r="J41" s="879">
        <v>1</v>
      </c>
      <c r="K41" s="761" t="s">
        <v>44</v>
      </c>
      <c r="L41" s="761" t="s">
        <v>44</v>
      </c>
      <c r="M41" s="762" t="s">
        <v>44</v>
      </c>
      <c r="N41" s="1136">
        <v>-6</v>
      </c>
      <c r="O41" s="880">
        <v>-5</v>
      </c>
      <c r="P41" s="880">
        <v>-1</v>
      </c>
      <c r="Q41" s="880">
        <v>7</v>
      </c>
      <c r="R41" s="880">
        <v>77</v>
      </c>
      <c r="S41" s="880">
        <v>-70</v>
      </c>
      <c r="T41" s="880">
        <v>58</v>
      </c>
      <c r="U41" s="880">
        <v>92</v>
      </c>
      <c r="V41" s="880">
        <v>-34</v>
      </c>
      <c r="W41" s="880">
        <v>51</v>
      </c>
      <c r="X41" s="880">
        <v>15</v>
      </c>
      <c r="Y41" s="878">
        <v>36</v>
      </c>
    </row>
    <row r="42" spans="1:25" ht="21" customHeight="1">
      <c r="A42" s="882">
        <v>31</v>
      </c>
      <c r="B42" s="883">
        <v>-1240</v>
      </c>
      <c r="C42" s="763" t="s">
        <v>293</v>
      </c>
      <c r="D42" s="884" t="s">
        <v>734</v>
      </c>
      <c r="E42" s="883">
        <v>49</v>
      </c>
      <c r="F42" s="883">
        <v>61</v>
      </c>
      <c r="G42" s="883">
        <v>-12</v>
      </c>
      <c r="H42" s="883">
        <v>1</v>
      </c>
      <c r="I42" s="883">
        <v>1</v>
      </c>
      <c r="J42" s="885">
        <v>0</v>
      </c>
      <c r="K42" s="761" t="s">
        <v>44</v>
      </c>
      <c r="L42" s="761" t="s">
        <v>44</v>
      </c>
      <c r="M42" s="762" t="s">
        <v>44</v>
      </c>
      <c r="N42" s="1137">
        <v>-1</v>
      </c>
      <c r="O42" s="885">
        <v>-1</v>
      </c>
      <c r="P42" s="885">
        <v>0</v>
      </c>
      <c r="Q42" s="885">
        <v>48</v>
      </c>
      <c r="R42" s="885">
        <v>60</v>
      </c>
      <c r="S42" s="885">
        <v>-12</v>
      </c>
      <c r="T42" s="885">
        <v>-58</v>
      </c>
      <c r="U42" s="885">
        <v>8</v>
      </c>
      <c r="V42" s="885">
        <v>-66</v>
      </c>
      <c r="W42" s="885">
        <v>-106</v>
      </c>
      <c r="X42" s="885">
        <v>-52</v>
      </c>
      <c r="Y42" s="886">
        <v>-54</v>
      </c>
    </row>
    <row r="43" spans="1:25" ht="21" customHeight="1">
      <c r="A43" s="887" t="s">
        <v>734</v>
      </c>
      <c r="B43" s="878">
        <v>1089</v>
      </c>
      <c r="C43" s="756" t="s">
        <v>294</v>
      </c>
      <c r="D43" s="888" t="s">
        <v>735</v>
      </c>
      <c r="E43" s="879">
        <v>174</v>
      </c>
      <c r="F43" s="879">
        <v>86</v>
      </c>
      <c r="G43" s="879">
        <v>88</v>
      </c>
      <c r="H43" s="879">
        <v>28</v>
      </c>
      <c r="I43" s="879">
        <v>19</v>
      </c>
      <c r="J43" s="879">
        <v>9</v>
      </c>
      <c r="K43" s="889" t="s">
        <v>44</v>
      </c>
      <c r="L43" s="889" t="s">
        <v>44</v>
      </c>
      <c r="M43" s="870" t="s">
        <v>44</v>
      </c>
      <c r="N43" s="1136">
        <v>-28</v>
      </c>
      <c r="O43" s="880">
        <v>-19</v>
      </c>
      <c r="P43" s="880">
        <v>-9</v>
      </c>
      <c r="Q43" s="880">
        <v>146</v>
      </c>
      <c r="R43" s="880">
        <v>67</v>
      </c>
      <c r="S43" s="880">
        <v>79</v>
      </c>
      <c r="T43" s="880">
        <v>127</v>
      </c>
      <c r="U43" s="880">
        <v>15</v>
      </c>
      <c r="V43" s="880">
        <v>112</v>
      </c>
      <c r="W43" s="880">
        <v>-19</v>
      </c>
      <c r="X43" s="880">
        <v>-52</v>
      </c>
      <c r="Y43" s="878">
        <v>33</v>
      </c>
    </row>
    <row r="44" spans="1:25" ht="21" customHeight="1">
      <c r="A44" s="881" t="s">
        <v>219</v>
      </c>
      <c r="B44" s="878">
        <v>-2497</v>
      </c>
      <c r="C44" s="756" t="s">
        <v>295</v>
      </c>
      <c r="D44" s="888" t="s">
        <v>736</v>
      </c>
      <c r="E44" s="879">
        <v>-30</v>
      </c>
      <c r="F44" s="879">
        <v>22</v>
      </c>
      <c r="G44" s="879">
        <v>-52</v>
      </c>
      <c r="H44" s="879">
        <v>19</v>
      </c>
      <c r="I44" s="879">
        <v>37</v>
      </c>
      <c r="J44" s="879">
        <v>-18</v>
      </c>
      <c r="K44" s="761" t="s">
        <v>44</v>
      </c>
      <c r="L44" s="761" t="s">
        <v>44</v>
      </c>
      <c r="M44" s="762" t="s">
        <v>44</v>
      </c>
      <c r="N44" s="1136">
        <v>-19</v>
      </c>
      <c r="O44" s="880">
        <v>-37</v>
      </c>
      <c r="P44" s="880">
        <v>18</v>
      </c>
      <c r="Q44" s="880">
        <v>-49</v>
      </c>
      <c r="R44" s="880">
        <v>-15</v>
      </c>
      <c r="S44" s="880">
        <v>-34</v>
      </c>
      <c r="T44" s="880">
        <v>-61</v>
      </c>
      <c r="U44" s="880">
        <v>-13</v>
      </c>
      <c r="V44" s="880">
        <v>-48</v>
      </c>
      <c r="W44" s="880">
        <v>-12</v>
      </c>
      <c r="X44" s="880">
        <v>2</v>
      </c>
      <c r="Y44" s="878">
        <v>-14</v>
      </c>
    </row>
    <row r="45" spans="1:25" ht="21" customHeight="1">
      <c r="A45" s="882" t="s">
        <v>835</v>
      </c>
      <c r="B45" s="878">
        <v>2042</v>
      </c>
      <c r="C45" s="756" t="s">
        <v>296</v>
      </c>
      <c r="D45" s="888" t="s">
        <v>738</v>
      </c>
      <c r="E45" s="879">
        <v>-122</v>
      </c>
      <c r="F45" s="879">
        <v>-72</v>
      </c>
      <c r="G45" s="879">
        <v>-50</v>
      </c>
      <c r="H45" s="879">
        <v>-26</v>
      </c>
      <c r="I45" s="879">
        <v>-28</v>
      </c>
      <c r="J45" s="879">
        <v>2</v>
      </c>
      <c r="K45" s="761" t="s">
        <v>44</v>
      </c>
      <c r="L45" s="761" t="s">
        <v>44</v>
      </c>
      <c r="M45" s="762" t="s">
        <v>44</v>
      </c>
      <c r="N45" s="1136">
        <v>26</v>
      </c>
      <c r="O45" s="880">
        <v>28</v>
      </c>
      <c r="P45" s="880">
        <v>-2</v>
      </c>
      <c r="Q45" s="880">
        <v>-96</v>
      </c>
      <c r="R45" s="880">
        <v>-44</v>
      </c>
      <c r="S45" s="880">
        <v>-52</v>
      </c>
      <c r="T45" s="880">
        <v>17</v>
      </c>
      <c r="U45" s="880">
        <v>16</v>
      </c>
      <c r="V45" s="880">
        <v>1</v>
      </c>
      <c r="W45" s="880">
        <v>113</v>
      </c>
      <c r="X45" s="880">
        <v>60</v>
      </c>
      <c r="Y45" s="878">
        <v>53</v>
      </c>
    </row>
    <row r="46" spans="1:25" ht="21" customHeight="1">
      <c r="A46" s="882">
        <v>2</v>
      </c>
      <c r="B46" s="878">
        <v>552</v>
      </c>
      <c r="C46" s="756" t="s">
        <v>297</v>
      </c>
      <c r="D46" s="888" t="s">
        <v>776</v>
      </c>
      <c r="E46" s="879">
        <v>-22</v>
      </c>
      <c r="F46" s="879">
        <v>-78</v>
      </c>
      <c r="G46" s="879">
        <v>56</v>
      </c>
      <c r="H46" s="879">
        <v>-95</v>
      </c>
      <c r="I46" s="879">
        <v>-95</v>
      </c>
      <c r="J46" s="879">
        <v>0</v>
      </c>
      <c r="K46" s="761" t="s">
        <v>44</v>
      </c>
      <c r="L46" s="761" t="s">
        <v>44</v>
      </c>
      <c r="M46" s="762" t="s">
        <v>44</v>
      </c>
      <c r="N46" s="1136">
        <v>95</v>
      </c>
      <c r="O46" s="880">
        <v>95</v>
      </c>
      <c r="P46" s="880">
        <v>0</v>
      </c>
      <c r="Q46" s="880">
        <v>73</v>
      </c>
      <c r="R46" s="880">
        <v>17</v>
      </c>
      <c r="S46" s="880">
        <v>56</v>
      </c>
      <c r="T46" s="880">
        <v>32</v>
      </c>
      <c r="U46" s="880">
        <v>10</v>
      </c>
      <c r="V46" s="880">
        <v>22</v>
      </c>
      <c r="W46" s="880">
        <v>-41</v>
      </c>
      <c r="X46" s="880">
        <v>-7</v>
      </c>
      <c r="Y46" s="878">
        <v>-34</v>
      </c>
    </row>
    <row r="47" spans="1:25" ht="21" customHeight="1">
      <c r="A47" s="881" t="s">
        <v>148</v>
      </c>
      <c r="B47" s="883">
        <v>332</v>
      </c>
      <c r="C47" s="763" t="s">
        <v>298</v>
      </c>
      <c r="D47" s="888" t="s">
        <v>777</v>
      </c>
      <c r="E47" s="883">
        <v>-93</v>
      </c>
      <c r="F47" s="883">
        <v>-39</v>
      </c>
      <c r="G47" s="883">
        <v>-54</v>
      </c>
      <c r="H47" s="883">
        <v>-121</v>
      </c>
      <c r="I47" s="883">
        <v>-46</v>
      </c>
      <c r="J47" s="885">
        <v>-75</v>
      </c>
      <c r="K47" s="767" t="s">
        <v>44</v>
      </c>
      <c r="L47" s="767" t="s">
        <v>44</v>
      </c>
      <c r="M47" s="768" t="s">
        <v>44</v>
      </c>
      <c r="N47" s="1137">
        <v>121</v>
      </c>
      <c r="O47" s="885">
        <v>46</v>
      </c>
      <c r="P47" s="885">
        <v>75</v>
      </c>
      <c r="Q47" s="885">
        <v>28</v>
      </c>
      <c r="R47" s="885">
        <v>7</v>
      </c>
      <c r="S47" s="885">
        <v>21</v>
      </c>
      <c r="T47" s="885">
        <v>33</v>
      </c>
      <c r="U47" s="885">
        <v>20</v>
      </c>
      <c r="V47" s="885">
        <v>13</v>
      </c>
      <c r="W47" s="885">
        <v>5</v>
      </c>
      <c r="X47" s="885">
        <v>13</v>
      </c>
      <c r="Y47" s="886">
        <v>-8</v>
      </c>
    </row>
    <row r="48" spans="1:25" ht="21" customHeight="1">
      <c r="A48" s="881" t="s">
        <v>741</v>
      </c>
      <c r="B48" s="883">
        <v>16</v>
      </c>
      <c r="C48" s="763" t="s">
        <v>535</v>
      </c>
      <c r="D48" s="888" t="s">
        <v>741</v>
      </c>
      <c r="E48" s="890">
        <v>-16</v>
      </c>
      <c r="F48" s="890">
        <v>-2</v>
      </c>
      <c r="G48" s="890">
        <v>-14</v>
      </c>
      <c r="H48" s="890">
        <v>-19</v>
      </c>
      <c r="I48" s="890">
        <v>-2</v>
      </c>
      <c r="J48" s="890">
        <v>-17</v>
      </c>
      <c r="K48" s="776" t="s">
        <v>44</v>
      </c>
      <c r="L48" s="775" t="s">
        <v>44</v>
      </c>
      <c r="M48" s="776" t="s">
        <v>44</v>
      </c>
      <c r="N48" s="1138">
        <v>19</v>
      </c>
      <c r="O48" s="891">
        <v>2</v>
      </c>
      <c r="P48" s="891">
        <v>17</v>
      </c>
      <c r="Q48" s="891">
        <v>3</v>
      </c>
      <c r="R48" s="891">
        <v>0</v>
      </c>
      <c r="S48" s="891">
        <v>3</v>
      </c>
      <c r="T48" s="891">
        <v>3</v>
      </c>
      <c r="U48" s="891">
        <v>1</v>
      </c>
      <c r="V48" s="891">
        <v>2</v>
      </c>
      <c r="W48" s="891">
        <v>0</v>
      </c>
      <c r="X48" s="891">
        <v>1</v>
      </c>
      <c r="Y48" s="892">
        <v>-1</v>
      </c>
    </row>
    <row r="49" spans="1:25" ht="21" customHeight="1" thickBot="1">
      <c r="A49" s="893" t="s">
        <v>742</v>
      </c>
      <c r="B49" s="861" t="s">
        <v>44</v>
      </c>
      <c r="C49" s="860" t="s">
        <v>128</v>
      </c>
      <c r="D49" s="894" t="s">
        <v>742</v>
      </c>
      <c r="E49" s="861" t="s">
        <v>44</v>
      </c>
      <c r="F49" s="838" t="s">
        <v>44</v>
      </c>
      <c r="G49" s="864" t="s">
        <v>44</v>
      </c>
      <c r="H49" s="861" t="s">
        <v>44</v>
      </c>
      <c r="I49" s="838" t="s">
        <v>44</v>
      </c>
      <c r="J49" s="863" t="s">
        <v>44</v>
      </c>
      <c r="K49" s="861" t="s">
        <v>44</v>
      </c>
      <c r="L49" s="838" t="s">
        <v>44</v>
      </c>
      <c r="M49" s="838" t="s">
        <v>44</v>
      </c>
      <c r="N49" s="863" t="s">
        <v>44</v>
      </c>
      <c r="O49" s="838" t="s">
        <v>44</v>
      </c>
      <c r="P49" s="864" t="s">
        <v>44</v>
      </c>
      <c r="Q49" s="861" t="s">
        <v>44</v>
      </c>
      <c r="R49" s="838" t="s">
        <v>44</v>
      </c>
      <c r="S49" s="863" t="s">
        <v>44</v>
      </c>
      <c r="T49" s="838" t="s">
        <v>44</v>
      </c>
      <c r="U49" s="863" t="s">
        <v>44</v>
      </c>
      <c r="V49" s="864" t="s">
        <v>44</v>
      </c>
      <c r="W49" s="838" t="s">
        <v>44</v>
      </c>
      <c r="X49" s="863" t="s">
        <v>44</v>
      </c>
      <c r="Y49" s="861" t="s">
        <v>44</v>
      </c>
    </row>
    <row r="50" spans="1:25" ht="15" thickTop="1">
      <c r="A50" s="207" t="s">
        <v>762</v>
      </c>
      <c r="B50" s="296" t="s">
        <v>506</v>
      </c>
      <c r="C50" s="296"/>
      <c r="D50" s="296"/>
      <c r="E50" s="296"/>
      <c r="F50" s="296"/>
      <c r="G50" s="296"/>
      <c r="H50" s="296"/>
      <c r="I50" s="296"/>
      <c r="J50" s="296"/>
      <c r="K50" s="296"/>
      <c r="L50" s="296"/>
      <c r="M50" s="296"/>
      <c r="N50" s="296"/>
    </row>
    <row r="51" spans="1:25" ht="14.25">
      <c r="A51" s="296"/>
      <c r="B51" s="296" t="s">
        <v>836</v>
      </c>
      <c r="C51" s="296"/>
      <c r="D51" s="296"/>
      <c r="E51" s="296"/>
      <c r="F51" s="296"/>
      <c r="G51" s="296"/>
      <c r="H51" s="296"/>
      <c r="I51" s="296"/>
      <c r="J51" s="296"/>
      <c r="K51" s="296"/>
      <c r="L51" s="296"/>
      <c r="M51" s="296"/>
      <c r="N51" s="296"/>
    </row>
  </sheetData>
  <mergeCells count="15">
    <mergeCell ref="Q4:S4"/>
    <mergeCell ref="T4:V4"/>
    <mergeCell ref="W4:Y4"/>
    <mergeCell ref="D5:G5"/>
    <mergeCell ref="H5:J5"/>
    <mergeCell ref="K5:M5"/>
    <mergeCell ref="Q5:S5"/>
    <mergeCell ref="T5:V5"/>
    <mergeCell ref="W5:Y5"/>
    <mergeCell ref="K4:M4"/>
    <mergeCell ref="A3:B3"/>
    <mergeCell ref="D3:G3"/>
    <mergeCell ref="A4:B4"/>
    <mergeCell ref="C4:C5"/>
    <mergeCell ref="H4:J4"/>
  </mergeCells>
  <phoneticPr fontId="2"/>
  <printOptions gridLinesSet="0"/>
  <pageMargins left="0.59055118110236227" right="0.59055118110236227" top="0.98425196850393704" bottom="0.98425196850393704" header="0" footer="0"/>
  <pageSetup paperSize="9" scale="72" fitToWidth="2" orientation="portrait" blackAndWhite="1" r:id="rId1"/>
  <headerFooter differentOddEven="1" scaleWithDoc="0" alignWithMargins="0">
    <oddFooter>&amp;C&amp;"ＭＳ ゴシック,太字"&amp;10-50-</oddFooter>
    <evenFooter>&amp;C&amp;"ＭＳ ゴシック,太字"&amp;10-51-</even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3"/>
  <sheetViews>
    <sheetView zoomScaleNormal="100" workbookViewId="0"/>
  </sheetViews>
  <sheetFormatPr defaultColWidth="9" defaultRowHeight="13.5"/>
  <cols>
    <col min="1" max="1" width="2.25" style="165" customWidth="1"/>
    <col min="2" max="2" width="13.25" style="165" customWidth="1"/>
    <col min="3" max="3" width="8.75" style="165" customWidth="1"/>
    <col min="4" max="5" width="8" style="165" customWidth="1"/>
    <col min="6" max="6" width="8.875" style="165" customWidth="1"/>
    <col min="7" max="8" width="8.25" style="165" customWidth="1"/>
    <col min="9" max="9" width="9.125" style="165" customWidth="1"/>
    <col min="10" max="11" width="8.875" style="165" customWidth="1"/>
    <col min="12" max="12" width="9.125" style="165" customWidth="1"/>
    <col min="13" max="14" width="8.75" style="165" customWidth="1"/>
    <col min="15" max="16384" width="9" style="165"/>
  </cols>
  <sheetData>
    <row r="1" spans="1:14" ht="17.25">
      <c r="A1" s="352" t="s">
        <v>837</v>
      </c>
    </row>
    <row r="2" spans="1:14" ht="15" customHeight="1" thickBot="1">
      <c r="A2" s="524" t="s">
        <v>838</v>
      </c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 t="s">
        <v>839</v>
      </c>
      <c r="M2" s="211"/>
      <c r="N2" s="211"/>
    </row>
    <row r="3" spans="1:14" ht="14.25" thickTop="1">
      <c r="A3" s="902"/>
      <c r="B3" s="902"/>
      <c r="C3" s="1331" t="s">
        <v>840</v>
      </c>
      <c r="D3" s="1332"/>
      <c r="E3" s="1333"/>
      <c r="F3" s="1334" t="s">
        <v>841</v>
      </c>
      <c r="G3" s="1335"/>
      <c r="H3" s="1336"/>
      <c r="I3" s="1334" t="s">
        <v>842</v>
      </c>
      <c r="J3" s="1335"/>
      <c r="K3" s="1336"/>
      <c r="L3" s="1334" t="s">
        <v>749</v>
      </c>
      <c r="M3" s="1335"/>
      <c r="N3" s="1335"/>
    </row>
    <row r="4" spans="1:14">
      <c r="A4" s="1210" t="s">
        <v>843</v>
      </c>
      <c r="B4" s="1211"/>
      <c r="C4" s="903" t="s">
        <v>214</v>
      </c>
      <c r="D4" s="904" t="s">
        <v>556</v>
      </c>
      <c r="E4" s="905" t="s">
        <v>557</v>
      </c>
      <c r="F4" s="903" t="s">
        <v>214</v>
      </c>
      <c r="G4" s="904" t="s">
        <v>556</v>
      </c>
      <c r="H4" s="904" t="s">
        <v>557</v>
      </c>
      <c r="I4" s="904" t="s">
        <v>214</v>
      </c>
      <c r="J4" s="904" t="s">
        <v>556</v>
      </c>
      <c r="K4" s="905" t="s">
        <v>557</v>
      </c>
      <c r="L4" s="903" t="s">
        <v>214</v>
      </c>
      <c r="M4" s="904" t="s">
        <v>556</v>
      </c>
      <c r="N4" s="904" t="s">
        <v>557</v>
      </c>
    </row>
    <row r="5" spans="1:14" s="524" customFormat="1" ht="20.100000000000001" customHeight="1">
      <c r="A5" s="906"/>
      <c r="B5" s="907" t="s">
        <v>844</v>
      </c>
      <c r="C5" s="908">
        <v>64905</v>
      </c>
      <c r="D5" s="909">
        <v>33332</v>
      </c>
      <c r="E5" s="909">
        <v>31573</v>
      </c>
      <c r="F5" s="908">
        <v>84505</v>
      </c>
      <c r="G5" s="909">
        <v>45071</v>
      </c>
      <c r="H5" s="909">
        <v>39434</v>
      </c>
      <c r="I5" s="855">
        <v>514781</v>
      </c>
      <c r="J5" s="909">
        <v>275610</v>
      </c>
      <c r="K5" s="909">
        <v>239171</v>
      </c>
      <c r="L5" s="908">
        <v>474981</v>
      </c>
      <c r="M5" s="909">
        <v>255583</v>
      </c>
      <c r="N5" s="910">
        <v>219398</v>
      </c>
    </row>
    <row r="6" spans="1:14" s="911" customFormat="1" ht="20.100000000000001" customHeight="1">
      <c r="A6" s="1337" t="s">
        <v>845</v>
      </c>
      <c r="B6" s="1338"/>
      <c r="C6" s="908">
        <v>26394</v>
      </c>
      <c r="D6" s="909">
        <v>13522</v>
      </c>
      <c r="E6" s="909">
        <v>12872</v>
      </c>
      <c r="F6" s="908">
        <v>33594</v>
      </c>
      <c r="G6" s="909">
        <v>17928</v>
      </c>
      <c r="H6" s="909">
        <v>15666</v>
      </c>
      <c r="I6" s="855">
        <v>226883</v>
      </c>
      <c r="J6" s="909">
        <v>120455</v>
      </c>
      <c r="K6" s="909">
        <v>106428</v>
      </c>
      <c r="L6" s="909">
        <v>210698</v>
      </c>
      <c r="M6" s="909">
        <v>112183</v>
      </c>
      <c r="N6" s="855">
        <v>98515</v>
      </c>
    </row>
    <row r="7" spans="1:14">
      <c r="A7" s="912"/>
      <c r="B7" s="913" t="s">
        <v>846</v>
      </c>
      <c r="C7" s="914">
        <v>2384</v>
      </c>
      <c r="D7" s="915">
        <v>1255</v>
      </c>
      <c r="E7" s="916">
        <v>1129</v>
      </c>
      <c r="F7" s="914">
        <v>2456</v>
      </c>
      <c r="G7" s="917">
        <v>1332</v>
      </c>
      <c r="H7" s="917">
        <v>1124</v>
      </c>
      <c r="I7" s="914">
        <v>20064</v>
      </c>
      <c r="J7" s="917">
        <v>11268</v>
      </c>
      <c r="K7" s="917">
        <v>8796</v>
      </c>
      <c r="L7" s="914">
        <v>18208</v>
      </c>
      <c r="M7" s="917">
        <v>10180</v>
      </c>
      <c r="N7" s="918">
        <v>8028</v>
      </c>
    </row>
    <row r="8" spans="1:14">
      <c r="A8" s="912"/>
      <c r="B8" s="913" t="s">
        <v>847</v>
      </c>
      <c r="C8" s="914">
        <v>1821</v>
      </c>
      <c r="D8" s="915">
        <v>895</v>
      </c>
      <c r="E8" s="916">
        <v>926</v>
      </c>
      <c r="F8" s="914">
        <v>2120</v>
      </c>
      <c r="G8" s="917">
        <v>1112</v>
      </c>
      <c r="H8" s="917">
        <v>1008</v>
      </c>
      <c r="I8" s="914">
        <v>18730</v>
      </c>
      <c r="J8" s="917">
        <v>10063</v>
      </c>
      <c r="K8" s="917">
        <v>8667</v>
      </c>
      <c r="L8" s="914">
        <v>16719</v>
      </c>
      <c r="M8" s="917">
        <v>8971</v>
      </c>
      <c r="N8" s="918">
        <v>7748</v>
      </c>
    </row>
    <row r="9" spans="1:14">
      <c r="A9" s="912"/>
      <c r="B9" s="913" t="s">
        <v>848</v>
      </c>
      <c r="C9" s="914">
        <v>878</v>
      </c>
      <c r="D9" s="915">
        <v>445</v>
      </c>
      <c r="E9" s="916">
        <v>433</v>
      </c>
      <c r="F9" s="914">
        <v>903</v>
      </c>
      <c r="G9" s="917">
        <v>462</v>
      </c>
      <c r="H9" s="917">
        <v>441</v>
      </c>
      <c r="I9" s="914">
        <v>10220</v>
      </c>
      <c r="J9" s="917">
        <v>5595</v>
      </c>
      <c r="K9" s="917">
        <v>4625</v>
      </c>
      <c r="L9" s="914">
        <v>8610</v>
      </c>
      <c r="M9" s="917">
        <v>4821</v>
      </c>
      <c r="N9" s="918">
        <v>3789</v>
      </c>
    </row>
    <row r="10" spans="1:14">
      <c r="A10" s="912"/>
      <c r="B10" s="919" t="s">
        <v>849</v>
      </c>
      <c r="C10" s="914">
        <v>889</v>
      </c>
      <c r="D10" s="915">
        <v>453</v>
      </c>
      <c r="E10" s="916">
        <v>436</v>
      </c>
      <c r="F10" s="914">
        <v>1555</v>
      </c>
      <c r="G10" s="917">
        <v>942</v>
      </c>
      <c r="H10" s="917">
        <v>613</v>
      </c>
      <c r="I10" s="914">
        <v>14015</v>
      </c>
      <c r="J10" s="917">
        <v>7967</v>
      </c>
      <c r="K10" s="917">
        <v>6048</v>
      </c>
      <c r="L10" s="914">
        <v>12607</v>
      </c>
      <c r="M10" s="917">
        <v>7079</v>
      </c>
      <c r="N10" s="918">
        <v>5528</v>
      </c>
    </row>
    <row r="11" spans="1:14">
      <c r="A11" s="912"/>
      <c r="B11" s="919" t="s">
        <v>850</v>
      </c>
      <c r="C11" s="914">
        <v>1236</v>
      </c>
      <c r="D11" s="915">
        <v>629</v>
      </c>
      <c r="E11" s="916">
        <v>607</v>
      </c>
      <c r="F11" s="914">
        <v>2248</v>
      </c>
      <c r="G11" s="917">
        <v>1202</v>
      </c>
      <c r="H11" s="917">
        <v>1046</v>
      </c>
      <c r="I11" s="914">
        <v>13789</v>
      </c>
      <c r="J11" s="917">
        <v>7378</v>
      </c>
      <c r="K11" s="917">
        <v>6411</v>
      </c>
      <c r="L11" s="914">
        <v>12637</v>
      </c>
      <c r="M11" s="917">
        <v>6586</v>
      </c>
      <c r="N11" s="918">
        <v>6051</v>
      </c>
    </row>
    <row r="12" spans="1:14" ht="15" customHeight="1">
      <c r="A12" s="912"/>
      <c r="B12" s="919" t="s">
        <v>851</v>
      </c>
      <c r="C12" s="914">
        <v>1279</v>
      </c>
      <c r="D12" s="915">
        <v>670</v>
      </c>
      <c r="E12" s="916">
        <v>609</v>
      </c>
      <c r="F12" s="914">
        <v>2064</v>
      </c>
      <c r="G12" s="917">
        <v>1110</v>
      </c>
      <c r="H12" s="917">
        <v>954</v>
      </c>
      <c r="I12" s="914">
        <v>12547</v>
      </c>
      <c r="J12" s="917">
        <v>6667</v>
      </c>
      <c r="K12" s="917">
        <v>5880</v>
      </c>
      <c r="L12" s="914">
        <v>11400</v>
      </c>
      <c r="M12" s="917">
        <v>6127</v>
      </c>
      <c r="N12" s="918">
        <v>5273</v>
      </c>
    </row>
    <row r="13" spans="1:14">
      <c r="A13" s="912"/>
      <c r="B13" s="919" t="s">
        <v>852</v>
      </c>
      <c r="C13" s="914">
        <v>1105</v>
      </c>
      <c r="D13" s="915">
        <v>554</v>
      </c>
      <c r="E13" s="916">
        <v>551</v>
      </c>
      <c r="F13" s="914">
        <v>1639</v>
      </c>
      <c r="G13" s="917">
        <v>862</v>
      </c>
      <c r="H13" s="917">
        <v>777</v>
      </c>
      <c r="I13" s="914">
        <v>9916</v>
      </c>
      <c r="J13" s="917">
        <v>5378</v>
      </c>
      <c r="K13" s="917">
        <v>4538</v>
      </c>
      <c r="L13" s="914">
        <v>9642</v>
      </c>
      <c r="M13" s="917">
        <v>5218</v>
      </c>
      <c r="N13" s="918">
        <v>4424</v>
      </c>
    </row>
    <row r="14" spans="1:14">
      <c r="A14" s="912"/>
      <c r="B14" s="919" t="s">
        <v>853</v>
      </c>
      <c r="C14" s="914">
        <v>1138</v>
      </c>
      <c r="D14" s="915">
        <v>593</v>
      </c>
      <c r="E14" s="916">
        <v>545</v>
      </c>
      <c r="F14" s="914">
        <v>1867</v>
      </c>
      <c r="G14" s="917">
        <v>1014</v>
      </c>
      <c r="H14" s="917">
        <v>853</v>
      </c>
      <c r="I14" s="914">
        <v>8691</v>
      </c>
      <c r="J14" s="917">
        <v>4630</v>
      </c>
      <c r="K14" s="917">
        <v>4061</v>
      </c>
      <c r="L14" s="914">
        <v>8942</v>
      </c>
      <c r="M14" s="917">
        <v>4639</v>
      </c>
      <c r="N14" s="918">
        <v>4303</v>
      </c>
    </row>
    <row r="15" spans="1:14">
      <c r="A15" s="912"/>
      <c r="B15" s="919" t="s">
        <v>854</v>
      </c>
      <c r="C15" s="914">
        <v>3175</v>
      </c>
      <c r="D15" s="915">
        <v>1645</v>
      </c>
      <c r="E15" s="916">
        <v>1530</v>
      </c>
      <c r="F15" s="914">
        <v>2471</v>
      </c>
      <c r="G15" s="917">
        <v>1306</v>
      </c>
      <c r="H15" s="917">
        <v>1165</v>
      </c>
      <c r="I15" s="914">
        <v>25052</v>
      </c>
      <c r="J15" s="917">
        <v>13047</v>
      </c>
      <c r="K15" s="917">
        <v>12005</v>
      </c>
      <c r="L15" s="914">
        <v>23584</v>
      </c>
      <c r="M15" s="917">
        <v>12530</v>
      </c>
      <c r="N15" s="918">
        <v>11054</v>
      </c>
    </row>
    <row r="16" spans="1:14">
      <c r="A16" s="912"/>
      <c r="B16" s="919" t="s">
        <v>855</v>
      </c>
      <c r="C16" s="914">
        <v>2204</v>
      </c>
      <c r="D16" s="915">
        <v>1092</v>
      </c>
      <c r="E16" s="916">
        <v>1112</v>
      </c>
      <c r="F16" s="914">
        <v>2443</v>
      </c>
      <c r="G16" s="917">
        <v>1297</v>
      </c>
      <c r="H16" s="917">
        <v>1146</v>
      </c>
      <c r="I16" s="914">
        <v>14301</v>
      </c>
      <c r="J16" s="917">
        <v>7431</v>
      </c>
      <c r="K16" s="917">
        <v>6870</v>
      </c>
      <c r="L16" s="914">
        <v>12548</v>
      </c>
      <c r="M16" s="917">
        <v>6580</v>
      </c>
      <c r="N16" s="918">
        <v>5968</v>
      </c>
    </row>
    <row r="17" spans="1:14">
      <c r="A17" s="912"/>
      <c r="B17" s="919" t="s">
        <v>856</v>
      </c>
      <c r="C17" s="914">
        <v>1288</v>
      </c>
      <c r="D17" s="915">
        <v>665</v>
      </c>
      <c r="E17" s="916">
        <v>623</v>
      </c>
      <c r="F17" s="914">
        <v>2140</v>
      </c>
      <c r="G17" s="917">
        <v>1168</v>
      </c>
      <c r="H17" s="917">
        <v>972</v>
      </c>
      <c r="I17" s="914">
        <v>10186</v>
      </c>
      <c r="J17" s="917">
        <v>5349</v>
      </c>
      <c r="K17" s="917">
        <v>4837</v>
      </c>
      <c r="L17" s="914">
        <v>9474</v>
      </c>
      <c r="M17" s="917">
        <v>5019</v>
      </c>
      <c r="N17" s="918">
        <v>4455</v>
      </c>
    </row>
    <row r="18" spans="1:14">
      <c r="A18" s="912"/>
      <c r="B18" s="919" t="s">
        <v>857</v>
      </c>
      <c r="C18" s="914">
        <v>1511</v>
      </c>
      <c r="D18" s="915">
        <v>758</v>
      </c>
      <c r="E18" s="916">
        <v>753</v>
      </c>
      <c r="F18" s="914">
        <v>2670</v>
      </c>
      <c r="G18" s="917">
        <v>1429</v>
      </c>
      <c r="H18" s="917">
        <v>1241</v>
      </c>
      <c r="I18" s="914">
        <v>10587</v>
      </c>
      <c r="J18" s="917">
        <v>5502</v>
      </c>
      <c r="K18" s="917">
        <v>5085</v>
      </c>
      <c r="L18" s="914">
        <v>10028</v>
      </c>
      <c r="M18" s="917">
        <v>5171</v>
      </c>
      <c r="N18" s="918">
        <v>4857</v>
      </c>
    </row>
    <row r="19" spans="1:14">
      <c r="A19" s="912"/>
      <c r="B19" s="919" t="s">
        <v>858</v>
      </c>
      <c r="C19" s="914">
        <v>1371</v>
      </c>
      <c r="D19" s="915">
        <v>706</v>
      </c>
      <c r="E19" s="916">
        <v>665</v>
      </c>
      <c r="F19" s="914">
        <v>1534</v>
      </c>
      <c r="G19" s="917">
        <v>795</v>
      </c>
      <c r="H19" s="917">
        <v>739</v>
      </c>
      <c r="I19" s="914">
        <v>10656</v>
      </c>
      <c r="J19" s="917">
        <v>5490</v>
      </c>
      <c r="K19" s="917">
        <v>5166</v>
      </c>
      <c r="L19" s="914">
        <v>9580</v>
      </c>
      <c r="M19" s="917">
        <v>4953</v>
      </c>
      <c r="N19" s="918">
        <v>4627</v>
      </c>
    </row>
    <row r="20" spans="1:14">
      <c r="A20" s="912"/>
      <c r="B20" s="919" t="s">
        <v>859</v>
      </c>
      <c r="C20" s="914">
        <v>769</v>
      </c>
      <c r="D20" s="915">
        <v>396</v>
      </c>
      <c r="E20" s="916">
        <v>373</v>
      </c>
      <c r="F20" s="914">
        <v>1324</v>
      </c>
      <c r="G20" s="917">
        <v>693</v>
      </c>
      <c r="H20" s="917">
        <v>631</v>
      </c>
      <c r="I20" s="914">
        <v>5292</v>
      </c>
      <c r="J20" s="917">
        <v>2772</v>
      </c>
      <c r="K20" s="917">
        <v>2520</v>
      </c>
      <c r="L20" s="914">
        <v>5380</v>
      </c>
      <c r="M20" s="917">
        <v>2798</v>
      </c>
      <c r="N20" s="918">
        <v>2582</v>
      </c>
    </row>
    <row r="21" spans="1:14">
      <c r="A21" s="912"/>
      <c r="B21" s="919" t="s">
        <v>860</v>
      </c>
      <c r="C21" s="914">
        <v>709</v>
      </c>
      <c r="D21" s="915">
        <v>371</v>
      </c>
      <c r="E21" s="916">
        <v>338</v>
      </c>
      <c r="F21" s="914">
        <v>1210</v>
      </c>
      <c r="G21" s="917">
        <v>645</v>
      </c>
      <c r="H21" s="917">
        <v>565</v>
      </c>
      <c r="I21" s="914">
        <v>5555</v>
      </c>
      <c r="J21" s="917">
        <v>2961</v>
      </c>
      <c r="K21" s="917">
        <v>2594</v>
      </c>
      <c r="L21" s="914">
        <v>5490</v>
      </c>
      <c r="M21" s="917">
        <v>2917</v>
      </c>
      <c r="N21" s="918">
        <v>2573</v>
      </c>
    </row>
    <row r="22" spans="1:14">
      <c r="A22" s="912"/>
      <c r="B22" s="919" t="s">
        <v>861</v>
      </c>
      <c r="C22" s="914">
        <v>1020</v>
      </c>
      <c r="D22" s="915">
        <v>530</v>
      </c>
      <c r="E22" s="916">
        <v>490</v>
      </c>
      <c r="F22" s="914">
        <v>1487</v>
      </c>
      <c r="G22" s="917">
        <v>783</v>
      </c>
      <c r="H22" s="917">
        <v>704</v>
      </c>
      <c r="I22" s="914">
        <v>6522</v>
      </c>
      <c r="J22" s="917">
        <v>3399</v>
      </c>
      <c r="K22" s="917">
        <v>3123</v>
      </c>
      <c r="L22" s="914">
        <v>6521</v>
      </c>
      <c r="M22" s="917">
        <v>3372</v>
      </c>
      <c r="N22" s="918">
        <v>3149</v>
      </c>
    </row>
    <row r="23" spans="1:14">
      <c r="A23" s="912"/>
      <c r="B23" s="919" t="s">
        <v>862</v>
      </c>
      <c r="C23" s="914">
        <v>2045</v>
      </c>
      <c r="D23" s="915">
        <v>1057</v>
      </c>
      <c r="E23" s="916">
        <v>988</v>
      </c>
      <c r="F23" s="914">
        <v>2183</v>
      </c>
      <c r="G23" s="917">
        <v>1093</v>
      </c>
      <c r="H23" s="917">
        <v>1090</v>
      </c>
      <c r="I23" s="914">
        <v>18129</v>
      </c>
      <c r="J23" s="917">
        <v>9102</v>
      </c>
      <c r="K23" s="917">
        <v>9027</v>
      </c>
      <c r="L23" s="914">
        <v>17497</v>
      </c>
      <c r="M23" s="917">
        <v>9124</v>
      </c>
      <c r="N23" s="918">
        <v>8373</v>
      </c>
    </row>
    <row r="24" spans="1:14">
      <c r="A24" s="912"/>
      <c r="B24" s="919" t="s">
        <v>308</v>
      </c>
      <c r="C24" s="914">
        <v>1572</v>
      </c>
      <c r="D24" s="915">
        <v>808</v>
      </c>
      <c r="E24" s="916">
        <v>764</v>
      </c>
      <c r="F24" s="914">
        <v>1280</v>
      </c>
      <c r="G24" s="917">
        <v>683</v>
      </c>
      <c r="H24" s="917">
        <v>597</v>
      </c>
      <c r="I24" s="914">
        <v>12631</v>
      </c>
      <c r="J24" s="917">
        <v>6456</v>
      </c>
      <c r="K24" s="917">
        <v>6175</v>
      </c>
      <c r="L24" s="914">
        <v>11831</v>
      </c>
      <c r="M24" s="917">
        <v>6098</v>
      </c>
      <c r="N24" s="918">
        <v>5733</v>
      </c>
    </row>
    <row r="25" spans="1:14" s="911" customFormat="1" ht="20.100000000000001" customHeight="1">
      <c r="A25" s="1337" t="s">
        <v>863</v>
      </c>
      <c r="B25" s="1338"/>
      <c r="C25" s="908">
        <v>13421</v>
      </c>
      <c r="D25" s="909">
        <v>6914</v>
      </c>
      <c r="E25" s="909">
        <v>6507</v>
      </c>
      <c r="F25" s="908">
        <v>11677</v>
      </c>
      <c r="G25" s="909">
        <v>6273</v>
      </c>
      <c r="H25" s="909">
        <v>5404</v>
      </c>
      <c r="I25" s="855">
        <v>111088</v>
      </c>
      <c r="J25" s="909">
        <v>58976</v>
      </c>
      <c r="K25" s="909">
        <v>52112</v>
      </c>
      <c r="L25" s="908">
        <v>98942</v>
      </c>
      <c r="M25" s="909">
        <v>53394</v>
      </c>
      <c r="N25" s="855">
        <v>45548</v>
      </c>
    </row>
    <row r="26" spans="1:14">
      <c r="A26" s="912"/>
      <c r="B26" s="919" t="s">
        <v>864</v>
      </c>
      <c r="C26" s="914">
        <v>1730</v>
      </c>
      <c r="D26" s="915">
        <v>943</v>
      </c>
      <c r="E26" s="916">
        <v>787</v>
      </c>
      <c r="F26" s="914">
        <v>2392</v>
      </c>
      <c r="G26" s="917">
        <v>1380</v>
      </c>
      <c r="H26" s="917">
        <v>1012</v>
      </c>
      <c r="I26" s="914">
        <v>17152</v>
      </c>
      <c r="J26" s="917">
        <v>10282</v>
      </c>
      <c r="K26" s="917">
        <v>6870</v>
      </c>
      <c r="L26" s="914">
        <v>15119</v>
      </c>
      <c r="M26" s="917">
        <v>9014</v>
      </c>
      <c r="N26" s="918">
        <v>6105</v>
      </c>
    </row>
    <row r="27" spans="1:14">
      <c r="A27" s="912"/>
      <c r="B27" s="919" t="s">
        <v>865</v>
      </c>
      <c r="C27" s="914">
        <v>1686</v>
      </c>
      <c r="D27" s="915">
        <v>875</v>
      </c>
      <c r="E27" s="916">
        <v>811</v>
      </c>
      <c r="F27" s="914">
        <v>1447</v>
      </c>
      <c r="G27" s="917">
        <v>777</v>
      </c>
      <c r="H27" s="917">
        <v>670</v>
      </c>
      <c r="I27" s="914">
        <v>13389</v>
      </c>
      <c r="J27" s="917">
        <v>7340</v>
      </c>
      <c r="K27" s="917">
        <v>6049</v>
      </c>
      <c r="L27" s="914">
        <v>10044</v>
      </c>
      <c r="M27" s="917">
        <v>5541</v>
      </c>
      <c r="N27" s="918">
        <v>4503</v>
      </c>
    </row>
    <row r="28" spans="1:14">
      <c r="A28" s="912"/>
      <c r="B28" s="919" t="s">
        <v>866</v>
      </c>
      <c r="C28" s="914">
        <v>2848</v>
      </c>
      <c r="D28" s="915">
        <v>1471</v>
      </c>
      <c r="E28" s="916">
        <v>1377</v>
      </c>
      <c r="F28" s="914">
        <v>1566</v>
      </c>
      <c r="G28" s="917">
        <v>789</v>
      </c>
      <c r="H28" s="917">
        <v>777</v>
      </c>
      <c r="I28" s="914">
        <v>22693</v>
      </c>
      <c r="J28" s="917">
        <v>11775</v>
      </c>
      <c r="K28" s="917">
        <v>10918</v>
      </c>
      <c r="L28" s="914">
        <v>20567</v>
      </c>
      <c r="M28" s="917">
        <v>10952</v>
      </c>
      <c r="N28" s="918">
        <v>9615</v>
      </c>
    </row>
    <row r="29" spans="1:14">
      <c r="A29" s="912"/>
      <c r="B29" s="919" t="s">
        <v>867</v>
      </c>
      <c r="C29" s="914">
        <v>2118</v>
      </c>
      <c r="D29" s="915">
        <v>1084</v>
      </c>
      <c r="E29" s="916">
        <v>1034</v>
      </c>
      <c r="F29" s="914">
        <v>1532</v>
      </c>
      <c r="G29" s="917">
        <v>847</v>
      </c>
      <c r="H29" s="917">
        <v>685</v>
      </c>
      <c r="I29" s="914">
        <v>16468</v>
      </c>
      <c r="J29" s="917">
        <v>8553</v>
      </c>
      <c r="K29" s="917">
        <v>7915</v>
      </c>
      <c r="L29" s="914">
        <v>15850</v>
      </c>
      <c r="M29" s="917">
        <v>8403</v>
      </c>
      <c r="N29" s="918">
        <v>7447</v>
      </c>
    </row>
    <row r="30" spans="1:14">
      <c r="A30" s="912"/>
      <c r="B30" s="919" t="s">
        <v>868</v>
      </c>
      <c r="C30" s="914">
        <v>1869</v>
      </c>
      <c r="D30" s="915">
        <v>884</v>
      </c>
      <c r="E30" s="916">
        <v>985</v>
      </c>
      <c r="F30" s="914">
        <v>1610</v>
      </c>
      <c r="G30" s="917">
        <v>864</v>
      </c>
      <c r="H30" s="917">
        <v>746</v>
      </c>
      <c r="I30" s="914">
        <v>16401</v>
      </c>
      <c r="J30" s="917">
        <v>8479</v>
      </c>
      <c r="K30" s="917">
        <v>7922</v>
      </c>
      <c r="L30" s="914">
        <v>14769</v>
      </c>
      <c r="M30" s="917">
        <v>7839</v>
      </c>
      <c r="N30" s="918">
        <v>6930</v>
      </c>
    </row>
    <row r="31" spans="1:14">
      <c r="A31" s="912"/>
      <c r="B31" s="919" t="s">
        <v>312</v>
      </c>
      <c r="C31" s="914">
        <v>1867</v>
      </c>
      <c r="D31" s="915">
        <v>963</v>
      </c>
      <c r="E31" s="916">
        <v>904</v>
      </c>
      <c r="F31" s="914">
        <v>1730</v>
      </c>
      <c r="G31" s="917">
        <v>894</v>
      </c>
      <c r="H31" s="917">
        <v>836</v>
      </c>
      <c r="I31" s="914">
        <v>13957</v>
      </c>
      <c r="J31" s="917">
        <v>7046</v>
      </c>
      <c r="K31" s="917">
        <v>6911</v>
      </c>
      <c r="L31" s="914">
        <v>12886</v>
      </c>
      <c r="M31" s="917">
        <v>6678</v>
      </c>
      <c r="N31" s="918">
        <v>6208</v>
      </c>
    </row>
    <row r="32" spans="1:14">
      <c r="A32" s="912"/>
      <c r="B32" s="919" t="s">
        <v>869</v>
      </c>
      <c r="C32" s="914">
        <v>1303</v>
      </c>
      <c r="D32" s="915">
        <v>694</v>
      </c>
      <c r="E32" s="916">
        <v>609</v>
      </c>
      <c r="F32" s="914">
        <v>1400</v>
      </c>
      <c r="G32" s="917">
        <v>722</v>
      </c>
      <c r="H32" s="917">
        <v>678</v>
      </c>
      <c r="I32" s="914">
        <v>11028</v>
      </c>
      <c r="J32" s="917">
        <v>5501</v>
      </c>
      <c r="K32" s="917">
        <v>5527</v>
      </c>
      <c r="L32" s="914">
        <v>9707</v>
      </c>
      <c r="M32" s="917">
        <v>4967</v>
      </c>
      <c r="N32" s="918">
        <v>4740</v>
      </c>
    </row>
    <row r="33" spans="1:14" s="524" customFormat="1" ht="20.100000000000001" customHeight="1">
      <c r="A33" s="1329" t="s">
        <v>870</v>
      </c>
      <c r="B33" s="1330"/>
      <c r="C33" s="908">
        <v>3829</v>
      </c>
      <c r="D33" s="909">
        <v>1972</v>
      </c>
      <c r="E33" s="909">
        <v>1857</v>
      </c>
      <c r="F33" s="908">
        <v>8668</v>
      </c>
      <c r="G33" s="909">
        <v>4470</v>
      </c>
      <c r="H33" s="909">
        <v>4198</v>
      </c>
      <c r="I33" s="855">
        <v>27976</v>
      </c>
      <c r="J33" s="909">
        <v>15930</v>
      </c>
      <c r="K33" s="909">
        <v>12046</v>
      </c>
      <c r="L33" s="908">
        <v>28028</v>
      </c>
      <c r="M33" s="909">
        <v>15943</v>
      </c>
      <c r="N33" s="855">
        <v>12085</v>
      </c>
    </row>
    <row r="34" spans="1:14">
      <c r="A34" s="912"/>
      <c r="B34" s="919" t="s">
        <v>871</v>
      </c>
      <c r="C34" s="914">
        <v>2215</v>
      </c>
      <c r="D34" s="920">
        <v>1163</v>
      </c>
      <c r="E34" s="921">
        <v>1052</v>
      </c>
      <c r="F34" s="914">
        <v>4925</v>
      </c>
      <c r="G34" s="917">
        <v>2599</v>
      </c>
      <c r="H34" s="917">
        <v>2326</v>
      </c>
      <c r="I34" s="914">
        <v>14771</v>
      </c>
      <c r="J34" s="917">
        <v>9389</v>
      </c>
      <c r="K34" s="917">
        <v>5382</v>
      </c>
      <c r="L34" s="914">
        <v>16007</v>
      </c>
      <c r="M34" s="917">
        <v>9949</v>
      </c>
      <c r="N34" s="918">
        <v>6058</v>
      </c>
    </row>
    <row r="35" spans="1:14">
      <c r="A35" s="912"/>
      <c r="B35" s="919" t="s">
        <v>872</v>
      </c>
      <c r="C35" s="914">
        <v>961</v>
      </c>
      <c r="D35" s="920">
        <v>491</v>
      </c>
      <c r="E35" s="921">
        <v>470</v>
      </c>
      <c r="F35" s="914">
        <v>1993</v>
      </c>
      <c r="G35" s="917">
        <v>976</v>
      </c>
      <c r="H35" s="917">
        <v>1017</v>
      </c>
      <c r="I35" s="914">
        <v>8094</v>
      </c>
      <c r="J35" s="917">
        <v>4051</v>
      </c>
      <c r="K35" s="917">
        <v>4043</v>
      </c>
      <c r="L35" s="914">
        <v>7023</v>
      </c>
      <c r="M35" s="917">
        <v>3554</v>
      </c>
      <c r="N35" s="918">
        <v>3469</v>
      </c>
    </row>
    <row r="36" spans="1:14">
      <c r="A36" s="912"/>
      <c r="B36" s="919" t="s">
        <v>873</v>
      </c>
      <c r="C36" s="914">
        <v>346</v>
      </c>
      <c r="D36" s="920">
        <v>163</v>
      </c>
      <c r="E36" s="921">
        <v>183</v>
      </c>
      <c r="F36" s="914">
        <v>671</v>
      </c>
      <c r="G36" s="917">
        <v>338</v>
      </c>
      <c r="H36" s="917">
        <v>333</v>
      </c>
      <c r="I36" s="914">
        <v>2562</v>
      </c>
      <c r="J36" s="917">
        <v>1227</v>
      </c>
      <c r="K36" s="917">
        <v>1335</v>
      </c>
      <c r="L36" s="914">
        <v>2285</v>
      </c>
      <c r="M36" s="917">
        <v>1102</v>
      </c>
      <c r="N36" s="918">
        <v>1183</v>
      </c>
    </row>
    <row r="37" spans="1:14">
      <c r="A37" s="912"/>
      <c r="B37" s="919" t="s">
        <v>874</v>
      </c>
      <c r="C37" s="922">
        <v>157</v>
      </c>
      <c r="D37" s="920">
        <v>83</v>
      </c>
      <c r="E37" s="921">
        <v>74</v>
      </c>
      <c r="F37" s="914">
        <v>678</v>
      </c>
      <c r="G37" s="917">
        <v>349</v>
      </c>
      <c r="H37" s="917">
        <v>329</v>
      </c>
      <c r="I37" s="914">
        <v>1144</v>
      </c>
      <c r="J37" s="917">
        <v>604</v>
      </c>
      <c r="K37" s="917">
        <v>540</v>
      </c>
      <c r="L37" s="914">
        <v>1357</v>
      </c>
      <c r="M37" s="917">
        <v>683</v>
      </c>
      <c r="N37" s="918">
        <v>674</v>
      </c>
    </row>
    <row r="38" spans="1:14">
      <c r="A38" s="912"/>
      <c r="B38" s="919" t="s">
        <v>875</v>
      </c>
      <c r="C38" s="914">
        <v>150</v>
      </c>
      <c r="D38" s="920">
        <v>72</v>
      </c>
      <c r="E38" s="921">
        <v>78</v>
      </c>
      <c r="F38" s="914">
        <v>401</v>
      </c>
      <c r="G38" s="917">
        <v>208</v>
      </c>
      <c r="H38" s="917">
        <v>193</v>
      </c>
      <c r="I38" s="914">
        <v>1405</v>
      </c>
      <c r="J38" s="917">
        <v>659</v>
      </c>
      <c r="K38" s="917">
        <v>746</v>
      </c>
      <c r="L38" s="914">
        <v>1356</v>
      </c>
      <c r="M38" s="917">
        <v>655</v>
      </c>
      <c r="N38" s="918">
        <v>701</v>
      </c>
    </row>
    <row r="39" spans="1:14" s="524" customFormat="1" ht="20.100000000000001" customHeight="1">
      <c r="A39" s="1329" t="s">
        <v>876</v>
      </c>
      <c r="B39" s="1330"/>
      <c r="C39" s="908">
        <v>10688</v>
      </c>
      <c r="D39" s="909">
        <v>5423</v>
      </c>
      <c r="E39" s="909">
        <v>5265</v>
      </c>
      <c r="F39" s="908">
        <v>14071</v>
      </c>
      <c r="G39" s="909">
        <v>7754</v>
      </c>
      <c r="H39" s="909">
        <v>6317</v>
      </c>
      <c r="I39" s="855">
        <v>79978</v>
      </c>
      <c r="J39" s="909">
        <v>43786</v>
      </c>
      <c r="K39" s="909">
        <v>36192</v>
      </c>
      <c r="L39" s="908">
        <v>73423</v>
      </c>
      <c r="M39" s="909">
        <v>40059</v>
      </c>
      <c r="N39" s="855">
        <v>33364</v>
      </c>
    </row>
    <row r="40" spans="1:14" s="524" customFormat="1">
      <c r="A40" s="1339" t="s">
        <v>877</v>
      </c>
      <c r="B40" s="1340"/>
      <c r="C40" s="914">
        <v>4715</v>
      </c>
      <c r="D40" s="923">
        <v>2392</v>
      </c>
      <c r="E40" s="920">
        <v>2323</v>
      </c>
      <c r="F40" s="914">
        <v>6533</v>
      </c>
      <c r="G40" s="917">
        <v>3605</v>
      </c>
      <c r="H40" s="917">
        <v>2928</v>
      </c>
      <c r="I40" s="914">
        <v>35048</v>
      </c>
      <c r="J40" s="917">
        <v>18534</v>
      </c>
      <c r="K40" s="917">
        <v>16514</v>
      </c>
      <c r="L40" s="914">
        <v>33297</v>
      </c>
      <c r="M40" s="917">
        <v>17534</v>
      </c>
      <c r="N40" s="918">
        <v>15763</v>
      </c>
    </row>
    <row r="41" spans="1:14" s="524" customFormat="1">
      <c r="A41" s="924"/>
      <c r="B41" s="919" t="s">
        <v>878</v>
      </c>
      <c r="C41" s="914">
        <v>989</v>
      </c>
      <c r="D41" s="923">
        <v>478</v>
      </c>
      <c r="E41" s="920">
        <v>511</v>
      </c>
      <c r="F41" s="914">
        <v>1669</v>
      </c>
      <c r="G41" s="917">
        <v>928</v>
      </c>
      <c r="H41" s="917">
        <v>741</v>
      </c>
      <c r="I41" s="914">
        <v>7109</v>
      </c>
      <c r="J41" s="917">
        <v>3785</v>
      </c>
      <c r="K41" s="917">
        <v>3324</v>
      </c>
      <c r="L41" s="914">
        <v>7567</v>
      </c>
      <c r="M41" s="917">
        <v>4095</v>
      </c>
      <c r="N41" s="918">
        <v>3472</v>
      </c>
    </row>
    <row r="42" spans="1:14" s="524" customFormat="1">
      <c r="A42" s="924"/>
      <c r="B42" s="919" t="s">
        <v>879</v>
      </c>
      <c r="C42" s="914">
        <v>1808</v>
      </c>
      <c r="D42" s="923">
        <v>939</v>
      </c>
      <c r="E42" s="920">
        <v>869</v>
      </c>
      <c r="F42" s="914">
        <v>2420</v>
      </c>
      <c r="G42" s="917">
        <v>1368</v>
      </c>
      <c r="H42" s="917">
        <v>1052</v>
      </c>
      <c r="I42" s="914">
        <v>12812</v>
      </c>
      <c r="J42" s="917">
        <v>6929</v>
      </c>
      <c r="K42" s="917">
        <v>5883</v>
      </c>
      <c r="L42" s="914">
        <v>11937</v>
      </c>
      <c r="M42" s="917">
        <v>6431</v>
      </c>
      <c r="N42" s="918">
        <v>5506</v>
      </c>
    </row>
    <row r="43" spans="1:14" s="932" customFormat="1" ht="18.75" customHeight="1">
      <c r="A43" s="925"/>
      <c r="B43" s="926" t="s">
        <v>880</v>
      </c>
      <c r="C43" s="927">
        <v>1918</v>
      </c>
      <c r="D43" s="928">
        <v>975</v>
      </c>
      <c r="E43" s="929">
        <v>943</v>
      </c>
      <c r="F43" s="927">
        <v>2444</v>
      </c>
      <c r="G43" s="930">
        <v>1309</v>
      </c>
      <c r="H43" s="930">
        <v>1135</v>
      </c>
      <c r="I43" s="927">
        <v>15127</v>
      </c>
      <c r="J43" s="930">
        <v>7820</v>
      </c>
      <c r="K43" s="930">
        <v>7307</v>
      </c>
      <c r="L43" s="927">
        <v>13793</v>
      </c>
      <c r="M43" s="930">
        <v>7008</v>
      </c>
      <c r="N43" s="931">
        <v>6785</v>
      </c>
    </row>
    <row r="44" spans="1:14">
      <c r="A44" s="912"/>
      <c r="B44" s="919" t="s">
        <v>881</v>
      </c>
      <c r="C44" s="914">
        <v>1430</v>
      </c>
      <c r="D44" s="923">
        <v>745</v>
      </c>
      <c r="E44" s="920">
        <v>685</v>
      </c>
      <c r="F44" s="914">
        <v>1921</v>
      </c>
      <c r="G44" s="917">
        <v>1043</v>
      </c>
      <c r="H44" s="917">
        <v>878</v>
      </c>
      <c r="I44" s="914">
        <v>10360</v>
      </c>
      <c r="J44" s="917">
        <v>6245</v>
      </c>
      <c r="K44" s="917">
        <v>4115</v>
      </c>
      <c r="L44" s="914">
        <v>10580</v>
      </c>
      <c r="M44" s="917">
        <v>6234</v>
      </c>
      <c r="N44" s="918">
        <v>4346</v>
      </c>
    </row>
    <row r="45" spans="1:14">
      <c r="A45" s="912"/>
      <c r="B45" s="919" t="s">
        <v>882</v>
      </c>
      <c r="C45" s="914">
        <v>1906</v>
      </c>
      <c r="D45" s="920">
        <v>943</v>
      </c>
      <c r="E45" s="920">
        <v>963</v>
      </c>
      <c r="F45" s="914">
        <v>2144</v>
      </c>
      <c r="G45" s="917">
        <v>1160</v>
      </c>
      <c r="H45" s="917">
        <v>984</v>
      </c>
      <c r="I45" s="914">
        <v>13581</v>
      </c>
      <c r="J45" s="917">
        <v>7302</v>
      </c>
      <c r="K45" s="917">
        <v>6279</v>
      </c>
      <c r="L45" s="914">
        <v>11265</v>
      </c>
      <c r="M45" s="917">
        <v>6096</v>
      </c>
      <c r="N45" s="918">
        <v>5169</v>
      </c>
    </row>
    <row r="46" spans="1:14">
      <c r="A46" s="912"/>
      <c r="B46" s="919" t="s">
        <v>883</v>
      </c>
      <c r="C46" s="914">
        <v>1058</v>
      </c>
      <c r="D46" s="920">
        <v>553</v>
      </c>
      <c r="E46" s="921">
        <v>505</v>
      </c>
      <c r="F46" s="914">
        <v>1060</v>
      </c>
      <c r="G46" s="917">
        <v>582</v>
      </c>
      <c r="H46" s="917">
        <v>478</v>
      </c>
      <c r="I46" s="914">
        <v>7093</v>
      </c>
      <c r="J46" s="917">
        <v>3873</v>
      </c>
      <c r="K46" s="917">
        <v>3220</v>
      </c>
      <c r="L46" s="914">
        <v>5842</v>
      </c>
      <c r="M46" s="917">
        <v>3277</v>
      </c>
      <c r="N46" s="918">
        <v>2565</v>
      </c>
    </row>
    <row r="47" spans="1:14">
      <c r="A47" s="912"/>
      <c r="B47" s="919" t="s">
        <v>884</v>
      </c>
      <c r="C47" s="914">
        <v>826</v>
      </c>
      <c r="D47" s="920">
        <v>427</v>
      </c>
      <c r="E47" s="921">
        <v>399</v>
      </c>
      <c r="F47" s="914">
        <v>1148</v>
      </c>
      <c r="G47" s="917">
        <v>651</v>
      </c>
      <c r="H47" s="917">
        <v>497</v>
      </c>
      <c r="I47" s="914">
        <v>7483</v>
      </c>
      <c r="J47" s="917">
        <v>3949</v>
      </c>
      <c r="K47" s="917">
        <v>3534</v>
      </c>
      <c r="L47" s="914">
        <v>6418</v>
      </c>
      <c r="M47" s="917">
        <v>3455</v>
      </c>
      <c r="N47" s="918">
        <v>2963</v>
      </c>
    </row>
    <row r="48" spans="1:14">
      <c r="A48" s="912"/>
      <c r="B48" s="919" t="s">
        <v>885</v>
      </c>
      <c r="C48" s="914">
        <v>540</v>
      </c>
      <c r="D48" s="920">
        <v>258</v>
      </c>
      <c r="E48" s="921">
        <v>282</v>
      </c>
      <c r="F48" s="914">
        <v>795</v>
      </c>
      <c r="G48" s="917">
        <v>446</v>
      </c>
      <c r="H48" s="917">
        <v>349</v>
      </c>
      <c r="I48" s="914">
        <v>4444</v>
      </c>
      <c r="J48" s="917">
        <v>2691</v>
      </c>
      <c r="K48" s="917">
        <v>1753</v>
      </c>
      <c r="L48" s="914">
        <v>4012</v>
      </c>
      <c r="M48" s="917">
        <v>2306</v>
      </c>
      <c r="N48" s="918">
        <v>1706</v>
      </c>
    </row>
    <row r="49" spans="1:14">
      <c r="A49" s="912"/>
      <c r="B49" s="919" t="s">
        <v>886</v>
      </c>
      <c r="C49" s="914">
        <v>197</v>
      </c>
      <c r="D49" s="920">
        <v>98</v>
      </c>
      <c r="E49" s="921">
        <v>99</v>
      </c>
      <c r="F49" s="914">
        <v>425</v>
      </c>
      <c r="G49" s="917">
        <v>245</v>
      </c>
      <c r="H49" s="917">
        <v>180</v>
      </c>
      <c r="I49" s="914">
        <v>1879</v>
      </c>
      <c r="J49" s="917">
        <v>1138</v>
      </c>
      <c r="K49" s="917">
        <v>741</v>
      </c>
      <c r="L49" s="914">
        <v>1903</v>
      </c>
      <c r="M49" s="917">
        <v>1102</v>
      </c>
      <c r="N49" s="918">
        <v>801</v>
      </c>
    </row>
    <row r="50" spans="1:14">
      <c r="A50" s="912"/>
      <c r="B50" s="919" t="s">
        <v>324</v>
      </c>
      <c r="C50" s="914">
        <v>16</v>
      </c>
      <c r="D50" s="920">
        <v>7</v>
      </c>
      <c r="E50" s="921">
        <v>9</v>
      </c>
      <c r="F50" s="914">
        <v>45</v>
      </c>
      <c r="G50" s="917">
        <v>22</v>
      </c>
      <c r="H50" s="917">
        <v>23</v>
      </c>
      <c r="I50" s="914">
        <v>90</v>
      </c>
      <c r="J50" s="917">
        <v>54</v>
      </c>
      <c r="K50" s="917">
        <v>36</v>
      </c>
      <c r="L50" s="914">
        <v>106</v>
      </c>
      <c r="M50" s="917">
        <v>55</v>
      </c>
      <c r="N50" s="918">
        <v>51</v>
      </c>
    </row>
    <row r="51" spans="1:14" s="524" customFormat="1" ht="20.100000000000001" customHeight="1">
      <c r="A51" s="1329" t="s">
        <v>887</v>
      </c>
      <c r="B51" s="1330"/>
      <c r="C51" s="908">
        <v>8647</v>
      </c>
      <c r="D51" s="909">
        <v>4528</v>
      </c>
      <c r="E51" s="909">
        <v>4119</v>
      </c>
      <c r="F51" s="908">
        <v>12258</v>
      </c>
      <c r="G51" s="909">
        <v>6415</v>
      </c>
      <c r="H51" s="909">
        <v>5843</v>
      </c>
      <c r="I51" s="855">
        <v>54263</v>
      </c>
      <c r="J51" s="909">
        <v>29236</v>
      </c>
      <c r="K51" s="909">
        <v>25027</v>
      </c>
      <c r="L51" s="908">
        <v>49297</v>
      </c>
      <c r="M51" s="909">
        <v>26857</v>
      </c>
      <c r="N51" s="855">
        <v>22440</v>
      </c>
    </row>
    <row r="52" spans="1:14">
      <c r="A52" s="912"/>
      <c r="B52" s="919" t="s">
        <v>888</v>
      </c>
      <c r="C52" s="914">
        <v>1604</v>
      </c>
      <c r="D52" s="920">
        <v>806</v>
      </c>
      <c r="E52" s="921">
        <v>798</v>
      </c>
      <c r="F52" s="914">
        <v>2685</v>
      </c>
      <c r="G52" s="917">
        <v>1447</v>
      </c>
      <c r="H52" s="917">
        <v>1238</v>
      </c>
      <c r="I52" s="914">
        <v>9409</v>
      </c>
      <c r="J52" s="917">
        <v>5151</v>
      </c>
      <c r="K52" s="917">
        <v>4258</v>
      </c>
      <c r="L52" s="914">
        <v>8494</v>
      </c>
      <c r="M52" s="917">
        <v>4667</v>
      </c>
      <c r="N52" s="918">
        <v>3827</v>
      </c>
    </row>
    <row r="53" spans="1:14">
      <c r="A53" s="912"/>
      <c r="B53" s="919" t="s">
        <v>889</v>
      </c>
      <c r="C53" s="914">
        <v>3234</v>
      </c>
      <c r="D53" s="920">
        <v>1694</v>
      </c>
      <c r="E53" s="921">
        <v>1540</v>
      </c>
      <c r="F53" s="914">
        <v>3802</v>
      </c>
      <c r="G53" s="917">
        <v>1920</v>
      </c>
      <c r="H53" s="917">
        <v>1882</v>
      </c>
      <c r="I53" s="914">
        <v>20600</v>
      </c>
      <c r="J53" s="917">
        <v>11010</v>
      </c>
      <c r="K53" s="917">
        <v>9590</v>
      </c>
      <c r="L53" s="914">
        <v>17358</v>
      </c>
      <c r="M53" s="917">
        <v>9524</v>
      </c>
      <c r="N53" s="918">
        <v>7834</v>
      </c>
    </row>
    <row r="54" spans="1:14">
      <c r="A54" s="912"/>
      <c r="B54" s="919" t="s">
        <v>890</v>
      </c>
      <c r="C54" s="914">
        <v>1594</v>
      </c>
      <c r="D54" s="920">
        <v>853</v>
      </c>
      <c r="E54" s="921">
        <v>741</v>
      </c>
      <c r="F54" s="914">
        <v>2180</v>
      </c>
      <c r="G54" s="917">
        <v>1141</v>
      </c>
      <c r="H54" s="917">
        <v>1039</v>
      </c>
      <c r="I54" s="914">
        <v>9064</v>
      </c>
      <c r="J54" s="917">
        <v>4612</v>
      </c>
      <c r="K54" s="917">
        <v>4452</v>
      </c>
      <c r="L54" s="914">
        <v>8545</v>
      </c>
      <c r="M54" s="917">
        <v>4448</v>
      </c>
      <c r="N54" s="918">
        <v>4097</v>
      </c>
    </row>
    <row r="55" spans="1:14">
      <c r="A55" s="912"/>
      <c r="B55" s="919" t="s">
        <v>891</v>
      </c>
      <c r="C55" s="914">
        <v>847</v>
      </c>
      <c r="D55" s="920">
        <v>454</v>
      </c>
      <c r="E55" s="921">
        <v>393</v>
      </c>
      <c r="F55" s="914">
        <v>1533</v>
      </c>
      <c r="G55" s="917">
        <v>810</v>
      </c>
      <c r="H55" s="917">
        <v>723</v>
      </c>
      <c r="I55" s="914">
        <v>6032</v>
      </c>
      <c r="J55" s="917">
        <v>3393</v>
      </c>
      <c r="K55" s="917">
        <v>2639</v>
      </c>
      <c r="L55" s="914">
        <v>5781</v>
      </c>
      <c r="M55" s="917">
        <v>3187</v>
      </c>
      <c r="N55" s="918">
        <v>2594</v>
      </c>
    </row>
    <row r="56" spans="1:14">
      <c r="A56" s="912"/>
      <c r="B56" s="919" t="s">
        <v>892</v>
      </c>
      <c r="C56" s="914">
        <v>718</v>
      </c>
      <c r="D56" s="920">
        <v>386</v>
      </c>
      <c r="E56" s="921">
        <v>332</v>
      </c>
      <c r="F56" s="914">
        <v>862</v>
      </c>
      <c r="G56" s="917">
        <v>481</v>
      </c>
      <c r="H56" s="917">
        <v>381</v>
      </c>
      <c r="I56" s="914">
        <v>4833</v>
      </c>
      <c r="J56" s="917">
        <v>2766</v>
      </c>
      <c r="K56" s="917">
        <v>2067</v>
      </c>
      <c r="L56" s="914">
        <v>5039</v>
      </c>
      <c r="M56" s="917">
        <v>2906</v>
      </c>
      <c r="N56" s="918">
        <v>2133</v>
      </c>
    </row>
    <row r="57" spans="1:14">
      <c r="A57" s="912"/>
      <c r="B57" s="919" t="s">
        <v>893</v>
      </c>
      <c r="C57" s="914">
        <v>363</v>
      </c>
      <c r="D57" s="920">
        <v>185</v>
      </c>
      <c r="E57" s="921">
        <v>178</v>
      </c>
      <c r="F57" s="914">
        <v>452</v>
      </c>
      <c r="G57" s="917">
        <v>232</v>
      </c>
      <c r="H57" s="917">
        <v>220</v>
      </c>
      <c r="I57" s="914">
        <v>2134</v>
      </c>
      <c r="J57" s="917">
        <v>1177</v>
      </c>
      <c r="K57" s="917">
        <v>957</v>
      </c>
      <c r="L57" s="914">
        <v>1939</v>
      </c>
      <c r="M57" s="917">
        <v>1038</v>
      </c>
      <c r="N57" s="918">
        <v>901</v>
      </c>
    </row>
    <row r="58" spans="1:14">
      <c r="A58" s="912"/>
      <c r="B58" s="919" t="s">
        <v>894</v>
      </c>
      <c r="C58" s="914">
        <v>167</v>
      </c>
      <c r="D58" s="920">
        <v>90</v>
      </c>
      <c r="E58" s="921">
        <v>77</v>
      </c>
      <c r="F58" s="914">
        <v>402</v>
      </c>
      <c r="G58" s="917">
        <v>204</v>
      </c>
      <c r="H58" s="917">
        <v>198</v>
      </c>
      <c r="I58" s="914">
        <v>1188</v>
      </c>
      <c r="J58" s="917">
        <v>623</v>
      </c>
      <c r="K58" s="917">
        <v>565</v>
      </c>
      <c r="L58" s="914">
        <v>1116</v>
      </c>
      <c r="M58" s="917">
        <v>577</v>
      </c>
      <c r="N58" s="918">
        <v>539</v>
      </c>
    </row>
    <row r="59" spans="1:14">
      <c r="A59" s="912"/>
      <c r="B59" s="919" t="s">
        <v>895</v>
      </c>
      <c r="C59" s="914">
        <v>120</v>
      </c>
      <c r="D59" s="920">
        <v>60</v>
      </c>
      <c r="E59" s="921">
        <v>60</v>
      </c>
      <c r="F59" s="914">
        <v>342</v>
      </c>
      <c r="G59" s="917">
        <v>180</v>
      </c>
      <c r="H59" s="917">
        <v>162</v>
      </c>
      <c r="I59" s="914">
        <v>1003</v>
      </c>
      <c r="J59" s="917">
        <v>504</v>
      </c>
      <c r="K59" s="917">
        <v>499</v>
      </c>
      <c r="L59" s="914">
        <v>1025</v>
      </c>
      <c r="M59" s="917">
        <v>510</v>
      </c>
      <c r="N59" s="918">
        <v>515</v>
      </c>
    </row>
    <row r="60" spans="1:14" s="524" customFormat="1" ht="20.100000000000001" customHeight="1">
      <c r="A60" s="1329" t="s">
        <v>896</v>
      </c>
      <c r="B60" s="1330"/>
      <c r="C60" s="908">
        <v>1926</v>
      </c>
      <c r="D60" s="909">
        <v>973</v>
      </c>
      <c r="E60" s="909">
        <v>953</v>
      </c>
      <c r="F60" s="908">
        <v>4237</v>
      </c>
      <c r="G60" s="909">
        <v>2231</v>
      </c>
      <c r="H60" s="909">
        <v>2006</v>
      </c>
      <c r="I60" s="855">
        <v>14593</v>
      </c>
      <c r="J60" s="909">
        <v>7227</v>
      </c>
      <c r="K60" s="909">
        <v>7366</v>
      </c>
      <c r="L60" s="908">
        <v>14593</v>
      </c>
      <c r="M60" s="909">
        <v>7147</v>
      </c>
      <c r="N60" s="855">
        <v>7446</v>
      </c>
    </row>
    <row r="61" spans="1:14">
      <c r="A61" s="912"/>
      <c r="B61" s="919" t="s">
        <v>897</v>
      </c>
      <c r="C61" s="914">
        <v>1193</v>
      </c>
      <c r="D61" s="920">
        <v>609</v>
      </c>
      <c r="E61" s="921">
        <v>584</v>
      </c>
      <c r="F61" s="914">
        <v>2250</v>
      </c>
      <c r="G61" s="917">
        <v>1182</v>
      </c>
      <c r="H61" s="917">
        <v>1068</v>
      </c>
      <c r="I61" s="914">
        <v>7255</v>
      </c>
      <c r="J61" s="917">
        <v>3796</v>
      </c>
      <c r="K61" s="917">
        <v>3459</v>
      </c>
      <c r="L61" s="914">
        <v>7175</v>
      </c>
      <c r="M61" s="917">
        <v>3774</v>
      </c>
      <c r="N61" s="918">
        <v>3401</v>
      </c>
    </row>
    <row r="62" spans="1:14">
      <c r="A62" s="912"/>
      <c r="B62" s="919" t="s">
        <v>898</v>
      </c>
      <c r="C62" s="914">
        <v>225</v>
      </c>
      <c r="D62" s="920">
        <v>105</v>
      </c>
      <c r="E62" s="921">
        <v>120</v>
      </c>
      <c r="F62" s="914">
        <v>463</v>
      </c>
      <c r="G62" s="917">
        <v>246</v>
      </c>
      <c r="H62" s="917">
        <v>217</v>
      </c>
      <c r="I62" s="914">
        <v>1309</v>
      </c>
      <c r="J62" s="917">
        <v>706</v>
      </c>
      <c r="K62" s="917">
        <v>603</v>
      </c>
      <c r="L62" s="914">
        <v>1562</v>
      </c>
      <c r="M62" s="917">
        <v>814</v>
      </c>
      <c r="N62" s="918">
        <v>748</v>
      </c>
    </row>
    <row r="63" spans="1:14">
      <c r="A63" s="912"/>
      <c r="B63" s="919" t="s">
        <v>899</v>
      </c>
      <c r="C63" s="914">
        <v>45</v>
      </c>
      <c r="D63" s="920">
        <v>21</v>
      </c>
      <c r="E63" s="921">
        <v>24</v>
      </c>
      <c r="F63" s="914">
        <v>109</v>
      </c>
      <c r="G63" s="917">
        <v>60</v>
      </c>
      <c r="H63" s="917">
        <v>49</v>
      </c>
      <c r="I63" s="914">
        <v>360</v>
      </c>
      <c r="J63" s="917">
        <v>211</v>
      </c>
      <c r="K63" s="917">
        <v>149</v>
      </c>
      <c r="L63" s="914">
        <v>384</v>
      </c>
      <c r="M63" s="917">
        <v>194</v>
      </c>
      <c r="N63" s="918">
        <v>190</v>
      </c>
    </row>
    <row r="64" spans="1:14">
      <c r="A64" s="912"/>
      <c r="B64" s="919" t="s">
        <v>900</v>
      </c>
      <c r="C64" s="914">
        <v>100</v>
      </c>
      <c r="D64" s="920">
        <v>48</v>
      </c>
      <c r="E64" s="921">
        <v>52</v>
      </c>
      <c r="F64" s="914">
        <v>165</v>
      </c>
      <c r="G64" s="917">
        <v>92</v>
      </c>
      <c r="H64" s="917">
        <v>73</v>
      </c>
      <c r="I64" s="914">
        <v>766</v>
      </c>
      <c r="J64" s="917">
        <v>410</v>
      </c>
      <c r="K64" s="917">
        <v>356</v>
      </c>
      <c r="L64" s="914">
        <v>655</v>
      </c>
      <c r="M64" s="917">
        <v>352</v>
      </c>
      <c r="N64" s="918">
        <v>303</v>
      </c>
    </row>
    <row r="65" spans="1:14">
      <c r="A65" s="912"/>
      <c r="B65" s="919" t="s">
        <v>901</v>
      </c>
      <c r="C65" s="914">
        <v>53</v>
      </c>
      <c r="D65" s="920">
        <v>29</v>
      </c>
      <c r="E65" s="921">
        <v>24</v>
      </c>
      <c r="F65" s="914">
        <v>160</v>
      </c>
      <c r="G65" s="917">
        <v>90</v>
      </c>
      <c r="H65" s="917">
        <v>70</v>
      </c>
      <c r="I65" s="914">
        <v>1035</v>
      </c>
      <c r="J65" s="917">
        <v>225</v>
      </c>
      <c r="K65" s="917">
        <v>810</v>
      </c>
      <c r="L65" s="914">
        <v>1054</v>
      </c>
      <c r="M65" s="917">
        <v>229</v>
      </c>
      <c r="N65" s="918">
        <v>825</v>
      </c>
    </row>
    <row r="66" spans="1:14">
      <c r="A66" s="912"/>
      <c r="B66" s="919" t="s">
        <v>317</v>
      </c>
      <c r="C66" s="914">
        <v>37</v>
      </c>
      <c r="D66" s="920">
        <v>19</v>
      </c>
      <c r="E66" s="921">
        <v>18</v>
      </c>
      <c r="F66" s="914">
        <v>168</v>
      </c>
      <c r="G66" s="917">
        <v>83</v>
      </c>
      <c r="H66" s="917">
        <v>85</v>
      </c>
      <c r="I66" s="914">
        <v>232</v>
      </c>
      <c r="J66" s="917">
        <v>136</v>
      </c>
      <c r="K66" s="917">
        <v>96</v>
      </c>
      <c r="L66" s="914">
        <v>305</v>
      </c>
      <c r="M66" s="917">
        <v>175</v>
      </c>
      <c r="N66" s="918">
        <v>130</v>
      </c>
    </row>
    <row r="67" spans="1:14">
      <c r="A67" s="912"/>
      <c r="B67" s="919" t="s">
        <v>310</v>
      </c>
      <c r="C67" s="914">
        <v>135</v>
      </c>
      <c r="D67" s="920">
        <v>62</v>
      </c>
      <c r="E67" s="921">
        <v>73</v>
      </c>
      <c r="F67" s="914">
        <v>156</v>
      </c>
      <c r="G67" s="917">
        <v>86</v>
      </c>
      <c r="H67" s="917">
        <v>70</v>
      </c>
      <c r="I67" s="914">
        <v>897</v>
      </c>
      <c r="J67" s="917">
        <v>448</v>
      </c>
      <c r="K67" s="917">
        <v>449</v>
      </c>
      <c r="L67" s="914">
        <v>613</v>
      </c>
      <c r="M67" s="917">
        <v>314</v>
      </c>
      <c r="N67" s="918">
        <v>299</v>
      </c>
    </row>
    <row r="68" spans="1:14">
      <c r="A68" s="912"/>
      <c r="B68" s="919" t="s">
        <v>309</v>
      </c>
      <c r="C68" s="914">
        <v>39</v>
      </c>
      <c r="D68" s="920">
        <v>27</v>
      </c>
      <c r="E68" s="921">
        <v>12</v>
      </c>
      <c r="F68" s="914">
        <v>196</v>
      </c>
      <c r="G68" s="917">
        <v>108</v>
      </c>
      <c r="H68" s="917">
        <v>88</v>
      </c>
      <c r="I68" s="914">
        <v>1477</v>
      </c>
      <c r="J68" s="917">
        <v>692</v>
      </c>
      <c r="K68" s="917">
        <v>785</v>
      </c>
      <c r="L68" s="914">
        <v>1507</v>
      </c>
      <c r="M68" s="917">
        <v>683</v>
      </c>
      <c r="N68" s="918">
        <v>824</v>
      </c>
    </row>
    <row r="69" spans="1:14">
      <c r="A69" s="912"/>
      <c r="B69" s="919" t="s">
        <v>311</v>
      </c>
      <c r="C69" s="914">
        <v>16</v>
      </c>
      <c r="D69" s="920">
        <v>6</v>
      </c>
      <c r="E69" s="921">
        <v>10</v>
      </c>
      <c r="F69" s="914">
        <v>131</v>
      </c>
      <c r="G69" s="917">
        <v>70</v>
      </c>
      <c r="H69" s="917">
        <v>61</v>
      </c>
      <c r="I69" s="914">
        <v>218</v>
      </c>
      <c r="J69" s="917">
        <v>110</v>
      </c>
      <c r="K69" s="917">
        <v>108</v>
      </c>
      <c r="L69" s="914">
        <v>233</v>
      </c>
      <c r="M69" s="917">
        <v>110</v>
      </c>
      <c r="N69" s="918">
        <v>123</v>
      </c>
    </row>
    <row r="70" spans="1:14">
      <c r="A70" s="912"/>
      <c r="B70" s="919" t="s">
        <v>313</v>
      </c>
      <c r="C70" s="914">
        <v>83</v>
      </c>
      <c r="D70" s="920">
        <v>47</v>
      </c>
      <c r="E70" s="921">
        <v>36</v>
      </c>
      <c r="F70" s="914">
        <v>439</v>
      </c>
      <c r="G70" s="917">
        <v>214</v>
      </c>
      <c r="H70" s="917">
        <v>225</v>
      </c>
      <c r="I70" s="914">
        <v>1044</v>
      </c>
      <c r="J70" s="917">
        <v>493</v>
      </c>
      <c r="K70" s="917">
        <v>551</v>
      </c>
      <c r="L70" s="914">
        <v>1105</v>
      </c>
      <c r="M70" s="917">
        <v>502</v>
      </c>
      <c r="N70" s="918">
        <v>603</v>
      </c>
    </row>
    <row r="71" spans="1:14" s="524" customFormat="1" ht="20.100000000000001" customHeight="1">
      <c r="A71" s="933"/>
      <c r="B71" s="934"/>
      <c r="C71" s="935"/>
      <c r="D71" s="936"/>
      <c r="E71" s="937"/>
      <c r="F71" s="938"/>
      <c r="G71" s="939"/>
      <c r="H71" s="938"/>
      <c r="I71" s="940"/>
      <c r="J71" s="939"/>
      <c r="K71" s="941"/>
      <c r="L71" s="938"/>
      <c r="M71" s="939"/>
      <c r="N71" s="938"/>
    </row>
    <row r="72" spans="1:14" ht="14.25" thickBot="1">
      <c r="A72" s="942"/>
      <c r="B72" s="943"/>
      <c r="C72" s="944"/>
      <c r="D72" s="945"/>
      <c r="E72" s="946"/>
      <c r="F72" s="947"/>
      <c r="G72" s="948"/>
      <c r="H72" s="947"/>
      <c r="I72" s="949"/>
      <c r="J72" s="948"/>
      <c r="K72" s="950"/>
      <c r="L72" s="947"/>
      <c r="M72" s="948"/>
      <c r="N72" s="947"/>
    </row>
    <row r="73" spans="1:14" ht="14.25" thickTop="1"/>
  </sheetData>
  <mergeCells count="12">
    <mergeCell ref="A60:B60"/>
    <mergeCell ref="C3:E3"/>
    <mergeCell ref="F3:H3"/>
    <mergeCell ref="I3:K3"/>
    <mergeCell ref="L3:N3"/>
    <mergeCell ref="A4:B4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59055118110236227" right="0.59055118110236227" top="0.59055118110236227" bottom="0.59055118110236227" header="0" footer="0.19685039370078741"/>
  <pageSetup paperSize="9" scale="77" firstPageNumber="50" orientation="portrait" blackAndWhite="1" r:id="rId1"/>
  <headerFooter scaleWithDoc="0" alignWithMargins="0">
    <oddFooter>&amp;C&amp;"-,太字"-52-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3"/>
  <sheetViews>
    <sheetView zoomScaleNormal="100" workbookViewId="0"/>
  </sheetViews>
  <sheetFormatPr defaultRowHeight="13.5"/>
  <cols>
    <col min="1" max="1" width="2.25" style="165" customWidth="1"/>
    <col min="2" max="2" width="13.25" style="165" customWidth="1"/>
    <col min="3" max="3" width="8.75" style="165" customWidth="1"/>
    <col min="4" max="5" width="8" style="165" customWidth="1"/>
    <col min="6" max="6" width="8.875" style="165" customWidth="1"/>
    <col min="7" max="8" width="8.25" style="165" customWidth="1"/>
    <col min="9" max="9" width="9.125" style="165" customWidth="1"/>
    <col min="10" max="11" width="8.875" style="165" customWidth="1"/>
    <col min="12" max="12" width="9.25" style="165" bestFit="1" customWidth="1"/>
    <col min="13" max="14" width="8.75" style="165" customWidth="1"/>
    <col min="15" max="16384" width="9" style="165"/>
  </cols>
  <sheetData>
    <row r="1" spans="1:14" ht="17.25">
      <c r="A1" s="352" t="s">
        <v>902</v>
      </c>
    </row>
    <row r="2" spans="1:14" ht="15" customHeight="1" thickBot="1">
      <c r="A2" s="524" t="s">
        <v>903</v>
      </c>
      <c r="B2" s="211"/>
      <c r="C2" s="211"/>
      <c r="D2" s="211"/>
      <c r="E2" s="211"/>
      <c r="F2" s="211"/>
      <c r="G2" s="211"/>
      <c r="H2" s="211"/>
      <c r="I2" s="211"/>
      <c r="J2" s="951"/>
      <c r="K2" s="211"/>
      <c r="L2" s="951" t="s">
        <v>904</v>
      </c>
    </row>
    <row r="3" spans="1:14" ht="14.25" thickTop="1">
      <c r="A3" s="902"/>
      <c r="B3" s="902"/>
      <c r="C3" s="1331" t="s">
        <v>905</v>
      </c>
      <c r="D3" s="1332"/>
      <c r="E3" s="1333"/>
      <c r="F3" s="1334" t="s">
        <v>906</v>
      </c>
      <c r="G3" s="1335"/>
      <c r="H3" s="1336"/>
      <c r="I3" s="1334" t="s">
        <v>350</v>
      </c>
      <c r="J3" s="1335"/>
      <c r="K3" s="1336"/>
      <c r="L3" s="1334" t="s">
        <v>351</v>
      </c>
      <c r="M3" s="1335"/>
      <c r="N3" s="1335"/>
    </row>
    <row r="4" spans="1:14">
      <c r="A4" s="1210" t="s">
        <v>907</v>
      </c>
      <c r="B4" s="1211"/>
      <c r="C4" s="904" t="s">
        <v>214</v>
      </c>
      <c r="D4" s="904" t="s">
        <v>556</v>
      </c>
      <c r="E4" s="905" t="s">
        <v>557</v>
      </c>
      <c r="F4" s="903" t="s">
        <v>214</v>
      </c>
      <c r="G4" s="904" t="s">
        <v>556</v>
      </c>
      <c r="H4" s="904" t="s">
        <v>557</v>
      </c>
      <c r="I4" s="904" t="s">
        <v>214</v>
      </c>
      <c r="J4" s="904" t="s">
        <v>556</v>
      </c>
      <c r="K4" s="905" t="s">
        <v>557</v>
      </c>
      <c r="L4" s="903" t="s">
        <v>214</v>
      </c>
      <c r="M4" s="904" t="s">
        <v>556</v>
      </c>
      <c r="N4" s="904" t="s">
        <v>557</v>
      </c>
    </row>
    <row r="5" spans="1:14" s="524" customFormat="1" ht="20.100000000000001" customHeight="1">
      <c r="A5" s="906"/>
      <c r="B5" s="952" t="s">
        <v>908</v>
      </c>
      <c r="C5" s="855">
        <v>84505</v>
      </c>
      <c r="D5" s="909">
        <v>45071</v>
      </c>
      <c r="E5" s="953">
        <v>39434</v>
      </c>
      <c r="F5" s="908">
        <v>219</v>
      </c>
      <c r="G5" s="909">
        <v>105</v>
      </c>
      <c r="H5" s="909">
        <v>114</v>
      </c>
      <c r="I5" s="855">
        <v>8476</v>
      </c>
      <c r="J5" s="909">
        <v>5647</v>
      </c>
      <c r="K5" s="909">
        <v>2829</v>
      </c>
      <c r="L5" s="908">
        <v>75810</v>
      </c>
      <c r="M5" s="909">
        <v>39319</v>
      </c>
      <c r="N5" s="910">
        <v>36491</v>
      </c>
    </row>
    <row r="6" spans="1:14" s="911" customFormat="1" ht="20.100000000000001" customHeight="1">
      <c r="A6" s="1337" t="s">
        <v>845</v>
      </c>
      <c r="B6" s="1338"/>
      <c r="C6" s="855">
        <v>33594</v>
      </c>
      <c r="D6" s="909">
        <v>17928</v>
      </c>
      <c r="E6" s="953">
        <v>15666</v>
      </c>
      <c r="F6" s="908">
        <v>79</v>
      </c>
      <c r="G6" s="909">
        <v>37</v>
      </c>
      <c r="H6" s="909">
        <v>42</v>
      </c>
      <c r="I6" s="855">
        <v>3338</v>
      </c>
      <c r="J6" s="909">
        <v>2176</v>
      </c>
      <c r="K6" s="909">
        <v>1162</v>
      </c>
      <c r="L6" s="908">
        <v>30177</v>
      </c>
      <c r="M6" s="909">
        <v>15715</v>
      </c>
      <c r="N6" s="855">
        <v>14462</v>
      </c>
    </row>
    <row r="7" spans="1:14">
      <c r="A7" s="912"/>
      <c r="B7" s="954" t="s">
        <v>846</v>
      </c>
      <c r="C7" s="955">
        <v>2456</v>
      </c>
      <c r="D7" s="922">
        <v>1332</v>
      </c>
      <c r="E7" s="956">
        <v>1124</v>
      </c>
      <c r="F7" s="914">
        <v>7</v>
      </c>
      <c r="G7" s="922">
        <v>3</v>
      </c>
      <c r="H7" s="914">
        <v>4</v>
      </c>
      <c r="I7" s="955">
        <v>289</v>
      </c>
      <c r="J7" s="922">
        <v>199</v>
      </c>
      <c r="K7" s="956">
        <v>90</v>
      </c>
      <c r="L7" s="914">
        <v>2160</v>
      </c>
      <c r="M7" s="922">
        <v>1130</v>
      </c>
      <c r="N7" s="914">
        <v>1030</v>
      </c>
    </row>
    <row r="8" spans="1:14">
      <c r="A8" s="912"/>
      <c r="B8" s="954" t="s">
        <v>847</v>
      </c>
      <c r="C8" s="955">
        <v>2120</v>
      </c>
      <c r="D8" s="922">
        <v>1112</v>
      </c>
      <c r="E8" s="956">
        <v>1008</v>
      </c>
      <c r="F8" s="914">
        <v>6</v>
      </c>
      <c r="G8" s="922">
        <v>4</v>
      </c>
      <c r="H8" s="914">
        <v>2</v>
      </c>
      <c r="I8" s="955">
        <v>244</v>
      </c>
      <c r="J8" s="922">
        <v>160</v>
      </c>
      <c r="K8" s="956">
        <v>84</v>
      </c>
      <c r="L8" s="914">
        <v>1870</v>
      </c>
      <c r="M8" s="922">
        <v>948</v>
      </c>
      <c r="N8" s="914">
        <v>922</v>
      </c>
    </row>
    <row r="9" spans="1:14">
      <c r="A9" s="912"/>
      <c r="B9" s="954" t="s">
        <v>848</v>
      </c>
      <c r="C9" s="955">
        <v>903</v>
      </c>
      <c r="D9" s="922">
        <v>462</v>
      </c>
      <c r="E9" s="956">
        <v>441</v>
      </c>
      <c r="F9" s="914">
        <v>1</v>
      </c>
      <c r="G9" s="922">
        <v>1</v>
      </c>
      <c r="H9" s="914">
        <v>0</v>
      </c>
      <c r="I9" s="955">
        <v>114</v>
      </c>
      <c r="J9" s="922">
        <v>74</v>
      </c>
      <c r="K9" s="956">
        <v>40</v>
      </c>
      <c r="L9" s="914">
        <v>788</v>
      </c>
      <c r="M9" s="922">
        <v>387</v>
      </c>
      <c r="N9" s="914">
        <v>401</v>
      </c>
    </row>
    <row r="10" spans="1:14">
      <c r="A10" s="912"/>
      <c r="B10" s="957" t="s">
        <v>849</v>
      </c>
      <c r="C10" s="955">
        <v>1555</v>
      </c>
      <c r="D10" s="922">
        <v>942</v>
      </c>
      <c r="E10" s="956">
        <v>613</v>
      </c>
      <c r="F10" s="914">
        <v>3</v>
      </c>
      <c r="G10" s="922">
        <v>2</v>
      </c>
      <c r="H10" s="914">
        <v>1</v>
      </c>
      <c r="I10" s="955">
        <v>211</v>
      </c>
      <c r="J10" s="922">
        <v>146</v>
      </c>
      <c r="K10" s="956">
        <v>65</v>
      </c>
      <c r="L10" s="914">
        <v>1341</v>
      </c>
      <c r="M10" s="922">
        <v>794</v>
      </c>
      <c r="N10" s="914">
        <v>547</v>
      </c>
    </row>
    <row r="11" spans="1:14">
      <c r="A11" s="912"/>
      <c r="B11" s="957" t="s">
        <v>850</v>
      </c>
      <c r="C11" s="955">
        <v>2248</v>
      </c>
      <c r="D11" s="922">
        <v>1202</v>
      </c>
      <c r="E11" s="956">
        <v>1046</v>
      </c>
      <c r="F11" s="914">
        <v>4</v>
      </c>
      <c r="G11" s="922">
        <v>1</v>
      </c>
      <c r="H11" s="914">
        <v>3</v>
      </c>
      <c r="I11" s="955">
        <v>230</v>
      </c>
      <c r="J11" s="922">
        <v>153</v>
      </c>
      <c r="K11" s="956">
        <v>77</v>
      </c>
      <c r="L11" s="914">
        <v>2014</v>
      </c>
      <c r="M11" s="922">
        <v>1048</v>
      </c>
      <c r="N11" s="914">
        <v>966</v>
      </c>
    </row>
    <row r="12" spans="1:14">
      <c r="A12" s="912"/>
      <c r="B12" s="957" t="s">
        <v>909</v>
      </c>
      <c r="C12" s="955">
        <v>2064</v>
      </c>
      <c r="D12" s="922">
        <v>1110</v>
      </c>
      <c r="E12" s="956">
        <v>954</v>
      </c>
      <c r="F12" s="914">
        <v>4</v>
      </c>
      <c r="G12" s="922">
        <v>2</v>
      </c>
      <c r="H12" s="914">
        <v>2</v>
      </c>
      <c r="I12" s="955">
        <v>164</v>
      </c>
      <c r="J12" s="922">
        <v>103</v>
      </c>
      <c r="K12" s="956">
        <v>61</v>
      </c>
      <c r="L12" s="914">
        <v>1896</v>
      </c>
      <c r="M12" s="922">
        <v>1005</v>
      </c>
      <c r="N12" s="914">
        <v>891</v>
      </c>
    </row>
    <row r="13" spans="1:14">
      <c r="A13" s="912"/>
      <c r="B13" s="957" t="s">
        <v>852</v>
      </c>
      <c r="C13" s="955">
        <v>1639</v>
      </c>
      <c r="D13" s="922">
        <v>862</v>
      </c>
      <c r="E13" s="956">
        <v>777</v>
      </c>
      <c r="F13" s="914">
        <v>6</v>
      </c>
      <c r="G13" s="922">
        <v>2</v>
      </c>
      <c r="H13" s="914">
        <v>4</v>
      </c>
      <c r="I13" s="955">
        <v>144</v>
      </c>
      <c r="J13" s="922">
        <v>97</v>
      </c>
      <c r="K13" s="956">
        <v>47</v>
      </c>
      <c r="L13" s="914">
        <v>1489</v>
      </c>
      <c r="M13" s="922">
        <v>763</v>
      </c>
      <c r="N13" s="914">
        <v>726</v>
      </c>
    </row>
    <row r="14" spans="1:14">
      <c r="A14" s="912"/>
      <c r="B14" s="957" t="s">
        <v>853</v>
      </c>
      <c r="C14" s="955">
        <v>1867</v>
      </c>
      <c r="D14" s="922">
        <v>1014</v>
      </c>
      <c r="E14" s="956">
        <v>853</v>
      </c>
      <c r="F14" s="914">
        <v>1</v>
      </c>
      <c r="G14" s="922">
        <v>1</v>
      </c>
      <c r="H14" s="914">
        <v>0</v>
      </c>
      <c r="I14" s="955">
        <v>171</v>
      </c>
      <c r="J14" s="922">
        <v>114</v>
      </c>
      <c r="K14" s="956">
        <v>57</v>
      </c>
      <c r="L14" s="914">
        <v>1695</v>
      </c>
      <c r="M14" s="922">
        <v>899</v>
      </c>
      <c r="N14" s="914">
        <v>796</v>
      </c>
    </row>
    <row r="15" spans="1:14">
      <c r="A15" s="912"/>
      <c r="B15" s="957" t="s">
        <v>854</v>
      </c>
      <c r="C15" s="955">
        <v>2471</v>
      </c>
      <c r="D15" s="922">
        <v>1306</v>
      </c>
      <c r="E15" s="956">
        <v>1165</v>
      </c>
      <c r="F15" s="914">
        <v>5</v>
      </c>
      <c r="G15" s="922">
        <v>1</v>
      </c>
      <c r="H15" s="914">
        <v>4</v>
      </c>
      <c r="I15" s="955">
        <v>284</v>
      </c>
      <c r="J15" s="922">
        <v>183</v>
      </c>
      <c r="K15" s="956">
        <v>101</v>
      </c>
      <c r="L15" s="914">
        <v>2182</v>
      </c>
      <c r="M15" s="922">
        <v>1122</v>
      </c>
      <c r="N15" s="914">
        <v>1060</v>
      </c>
    </row>
    <row r="16" spans="1:14">
      <c r="A16" s="912"/>
      <c r="B16" s="957" t="s">
        <v>855</v>
      </c>
      <c r="C16" s="955">
        <v>2443</v>
      </c>
      <c r="D16" s="922">
        <v>1297</v>
      </c>
      <c r="E16" s="956">
        <v>1146</v>
      </c>
      <c r="F16" s="914">
        <v>6</v>
      </c>
      <c r="G16" s="922">
        <v>4</v>
      </c>
      <c r="H16" s="914">
        <v>2</v>
      </c>
      <c r="I16" s="955">
        <v>206</v>
      </c>
      <c r="J16" s="922">
        <v>132</v>
      </c>
      <c r="K16" s="956">
        <v>74</v>
      </c>
      <c r="L16" s="914">
        <v>2231</v>
      </c>
      <c r="M16" s="922">
        <v>1161</v>
      </c>
      <c r="N16" s="914">
        <v>1070</v>
      </c>
    </row>
    <row r="17" spans="1:14">
      <c r="A17" s="912"/>
      <c r="B17" s="957" t="s">
        <v>856</v>
      </c>
      <c r="C17" s="955">
        <v>2140</v>
      </c>
      <c r="D17" s="922">
        <v>1168</v>
      </c>
      <c r="E17" s="956">
        <v>972</v>
      </c>
      <c r="F17" s="914">
        <v>5</v>
      </c>
      <c r="G17" s="922">
        <v>0</v>
      </c>
      <c r="H17" s="914">
        <v>5</v>
      </c>
      <c r="I17" s="955">
        <v>201</v>
      </c>
      <c r="J17" s="922">
        <v>133</v>
      </c>
      <c r="K17" s="956">
        <v>68</v>
      </c>
      <c r="L17" s="914">
        <v>1934</v>
      </c>
      <c r="M17" s="922">
        <v>1035</v>
      </c>
      <c r="N17" s="914">
        <v>899</v>
      </c>
    </row>
    <row r="18" spans="1:14">
      <c r="A18" s="912"/>
      <c r="B18" s="957" t="s">
        <v>857</v>
      </c>
      <c r="C18" s="955">
        <v>2670</v>
      </c>
      <c r="D18" s="922">
        <v>1429</v>
      </c>
      <c r="E18" s="956">
        <v>1241</v>
      </c>
      <c r="F18" s="914">
        <v>7</v>
      </c>
      <c r="G18" s="922">
        <v>5</v>
      </c>
      <c r="H18" s="914">
        <v>2</v>
      </c>
      <c r="I18" s="955">
        <v>209</v>
      </c>
      <c r="J18" s="922">
        <v>130</v>
      </c>
      <c r="K18" s="956">
        <v>79</v>
      </c>
      <c r="L18" s="914">
        <v>2454</v>
      </c>
      <c r="M18" s="922">
        <v>1294</v>
      </c>
      <c r="N18" s="914">
        <v>1160</v>
      </c>
    </row>
    <row r="19" spans="1:14">
      <c r="A19" s="912"/>
      <c r="B19" s="957" t="s">
        <v>858</v>
      </c>
      <c r="C19" s="955">
        <v>1534</v>
      </c>
      <c r="D19" s="922">
        <v>795</v>
      </c>
      <c r="E19" s="956">
        <v>739</v>
      </c>
      <c r="F19" s="914">
        <v>5</v>
      </c>
      <c r="G19" s="922">
        <v>1</v>
      </c>
      <c r="H19" s="914">
        <v>4</v>
      </c>
      <c r="I19" s="955">
        <v>156</v>
      </c>
      <c r="J19" s="922">
        <v>97</v>
      </c>
      <c r="K19" s="956">
        <v>59</v>
      </c>
      <c r="L19" s="914">
        <v>1373</v>
      </c>
      <c r="M19" s="922">
        <v>697</v>
      </c>
      <c r="N19" s="914">
        <v>676</v>
      </c>
    </row>
    <row r="20" spans="1:14">
      <c r="A20" s="912"/>
      <c r="B20" s="957" t="s">
        <v>859</v>
      </c>
      <c r="C20" s="955">
        <v>1324</v>
      </c>
      <c r="D20" s="922">
        <v>693</v>
      </c>
      <c r="E20" s="956">
        <v>631</v>
      </c>
      <c r="F20" s="914">
        <v>4</v>
      </c>
      <c r="G20" s="922">
        <v>2</v>
      </c>
      <c r="H20" s="914">
        <v>2</v>
      </c>
      <c r="I20" s="955">
        <v>118</v>
      </c>
      <c r="J20" s="922">
        <v>78</v>
      </c>
      <c r="K20" s="956">
        <v>40</v>
      </c>
      <c r="L20" s="914">
        <v>1202</v>
      </c>
      <c r="M20" s="922">
        <v>613</v>
      </c>
      <c r="N20" s="914">
        <v>589</v>
      </c>
    </row>
    <row r="21" spans="1:14">
      <c r="A21" s="912"/>
      <c r="B21" s="957" t="s">
        <v>860</v>
      </c>
      <c r="C21" s="955">
        <v>1210</v>
      </c>
      <c r="D21" s="922">
        <v>645</v>
      </c>
      <c r="E21" s="956">
        <v>565</v>
      </c>
      <c r="F21" s="914">
        <v>4</v>
      </c>
      <c r="G21" s="922">
        <v>2</v>
      </c>
      <c r="H21" s="914">
        <v>2</v>
      </c>
      <c r="I21" s="955">
        <v>84</v>
      </c>
      <c r="J21" s="922">
        <v>54</v>
      </c>
      <c r="K21" s="956">
        <v>30</v>
      </c>
      <c r="L21" s="914">
        <v>1122</v>
      </c>
      <c r="M21" s="922">
        <v>589</v>
      </c>
      <c r="N21" s="914">
        <v>533</v>
      </c>
    </row>
    <row r="22" spans="1:14">
      <c r="A22" s="912"/>
      <c r="B22" s="957" t="s">
        <v>861</v>
      </c>
      <c r="C22" s="955">
        <v>1487</v>
      </c>
      <c r="D22" s="922">
        <v>783</v>
      </c>
      <c r="E22" s="956">
        <v>704</v>
      </c>
      <c r="F22" s="914">
        <v>6</v>
      </c>
      <c r="G22" s="922">
        <v>4</v>
      </c>
      <c r="H22" s="914">
        <v>2</v>
      </c>
      <c r="I22" s="955">
        <v>129</v>
      </c>
      <c r="J22" s="922">
        <v>87</v>
      </c>
      <c r="K22" s="956">
        <v>42</v>
      </c>
      <c r="L22" s="914">
        <v>1352</v>
      </c>
      <c r="M22" s="922">
        <v>692</v>
      </c>
      <c r="N22" s="914">
        <v>660</v>
      </c>
    </row>
    <row r="23" spans="1:14">
      <c r="A23" s="912"/>
      <c r="B23" s="957" t="s">
        <v>862</v>
      </c>
      <c r="C23" s="955">
        <v>2183</v>
      </c>
      <c r="D23" s="922">
        <v>1093</v>
      </c>
      <c r="E23" s="956">
        <v>1090</v>
      </c>
      <c r="F23" s="914">
        <v>3</v>
      </c>
      <c r="G23" s="922">
        <v>1</v>
      </c>
      <c r="H23" s="914">
        <v>2</v>
      </c>
      <c r="I23" s="955">
        <v>230</v>
      </c>
      <c r="J23" s="922">
        <v>139</v>
      </c>
      <c r="K23" s="956">
        <v>91</v>
      </c>
      <c r="L23" s="914">
        <v>1950</v>
      </c>
      <c r="M23" s="922">
        <v>953</v>
      </c>
      <c r="N23" s="914">
        <v>997</v>
      </c>
    </row>
    <row r="24" spans="1:14">
      <c r="A24" s="912"/>
      <c r="B24" s="957" t="s">
        <v>308</v>
      </c>
      <c r="C24" s="955">
        <v>1280</v>
      </c>
      <c r="D24" s="922">
        <v>683</v>
      </c>
      <c r="E24" s="956">
        <v>597</v>
      </c>
      <c r="F24" s="914">
        <v>2</v>
      </c>
      <c r="G24" s="922">
        <v>1</v>
      </c>
      <c r="H24" s="914">
        <v>1</v>
      </c>
      <c r="I24" s="955">
        <v>154</v>
      </c>
      <c r="J24" s="922">
        <v>97</v>
      </c>
      <c r="K24" s="956">
        <v>57</v>
      </c>
      <c r="L24" s="914">
        <v>1124</v>
      </c>
      <c r="M24" s="922">
        <v>585</v>
      </c>
      <c r="N24" s="914">
        <v>539</v>
      </c>
    </row>
    <row r="25" spans="1:14" s="911" customFormat="1" ht="20.100000000000001" customHeight="1">
      <c r="A25" s="1337" t="s">
        <v>863</v>
      </c>
      <c r="B25" s="1338"/>
      <c r="C25" s="855">
        <v>11677</v>
      </c>
      <c r="D25" s="909">
        <v>6273</v>
      </c>
      <c r="E25" s="953">
        <v>5404</v>
      </c>
      <c r="F25" s="908">
        <v>31</v>
      </c>
      <c r="G25" s="909">
        <v>18</v>
      </c>
      <c r="H25" s="909">
        <v>13</v>
      </c>
      <c r="I25" s="855">
        <v>1347</v>
      </c>
      <c r="J25" s="909">
        <v>930</v>
      </c>
      <c r="K25" s="909">
        <v>417</v>
      </c>
      <c r="L25" s="908">
        <v>10299</v>
      </c>
      <c r="M25" s="909">
        <v>5325</v>
      </c>
      <c r="N25" s="855">
        <v>4974</v>
      </c>
    </row>
    <row r="26" spans="1:14">
      <c r="A26" s="912"/>
      <c r="B26" s="957" t="s">
        <v>864</v>
      </c>
      <c r="C26" s="955">
        <v>2392</v>
      </c>
      <c r="D26" s="922">
        <v>1380</v>
      </c>
      <c r="E26" s="956">
        <v>1012</v>
      </c>
      <c r="F26" s="914">
        <v>3</v>
      </c>
      <c r="G26" s="922">
        <v>2</v>
      </c>
      <c r="H26" s="914">
        <v>1</v>
      </c>
      <c r="I26" s="955">
        <v>309</v>
      </c>
      <c r="J26" s="922">
        <v>239</v>
      </c>
      <c r="K26" s="956">
        <v>70</v>
      </c>
      <c r="L26" s="914">
        <v>2080</v>
      </c>
      <c r="M26" s="922">
        <v>1139</v>
      </c>
      <c r="N26" s="914">
        <v>941</v>
      </c>
    </row>
    <row r="27" spans="1:14">
      <c r="A27" s="912"/>
      <c r="B27" s="957" t="s">
        <v>865</v>
      </c>
      <c r="C27" s="955">
        <v>1447</v>
      </c>
      <c r="D27" s="922">
        <v>777</v>
      </c>
      <c r="E27" s="956">
        <v>670</v>
      </c>
      <c r="F27" s="914">
        <v>5</v>
      </c>
      <c r="G27" s="922">
        <v>3</v>
      </c>
      <c r="H27" s="914">
        <v>2</v>
      </c>
      <c r="I27" s="955">
        <v>152</v>
      </c>
      <c r="J27" s="922">
        <v>111</v>
      </c>
      <c r="K27" s="956">
        <v>41</v>
      </c>
      <c r="L27" s="914">
        <v>1290</v>
      </c>
      <c r="M27" s="922">
        <v>663</v>
      </c>
      <c r="N27" s="914">
        <v>627</v>
      </c>
    </row>
    <row r="28" spans="1:14">
      <c r="A28" s="912"/>
      <c r="B28" s="957" t="s">
        <v>866</v>
      </c>
      <c r="C28" s="955">
        <v>1566</v>
      </c>
      <c r="D28" s="922">
        <v>789</v>
      </c>
      <c r="E28" s="956">
        <v>777</v>
      </c>
      <c r="F28" s="914">
        <v>8</v>
      </c>
      <c r="G28" s="922">
        <v>3</v>
      </c>
      <c r="H28" s="914">
        <v>5</v>
      </c>
      <c r="I28" s="955">
        <v>193</v>
      </c>
      <c r="J28" s="922">
        <v>116</v>
      </c>
      <c r="K28" s="956">
        <v>77</v>
      </c>
      <c r="L28" s="914">
        <v>1365</v>
      </c>
      <c r="M28" s="922">
        <v>670</v>
      </c>
      <c r="N28" s="914">
        <v>695</v>
      </c>
    </row>
    <row r="29" spans="1:14">
      <c r="A29" s="912"/>
      <c r="B29" s="957" t="s">
        <v>867</v>
      </c>
      <c r="C29" s="955">
        <v>1532</v>
      </c>
      <c r="D29" s="922">
        <v>847</v>
      </c>
      <c r="E29" s="956">
        <v>685</v>
      </c>
      <c r="F29" s="914">
        <v>3</v>
      </c>
      <c r="G29" s="922">
        <v>2</v>
      </c>
      <c r="H29" s="914">
        <v>1</v>
      </c>
      <c r="I29" s="955">
        <v>175</v>
      </c>
      <c r="J29" s="922">
        <v>119</v>
      </c>
      <c r="K29" s="956">
        <v>56</v>
      </c>
      <c r="L29" s="914">
        <v>1354</v>
      </c>
      <c r="M29" s="922">
        <v>726</v>
      </c>
      <c r="N29" s="914">
        <v>628</v>
      </c>
    </row>
    <row r="30" spans="1:14">
      <c r="A30" s="912"/>
      <c r="B30" s="957" t="s">
        <v>868</v>
      </c>
      <c r="C30" s="955">
        <v>1610</v>
      </c>
      <c r="D30" s="922">
        <v>864</v>
      </c>
      <c r="E30" s="956">
        <v>746</v>
      </c>
      <c r="F30" s="914">
        <v>4</v>
      </c>
      <c r="G30" s="922">
        <v>1</v>
      </c>
      <c r="H30" s="914">
        <v>3</v>
      </c>
      <c r="I30" s="955">
        <v>174</v>
      </c>
      <c r="J30" s="922">
        <v>126</v>
      </c>
      <c r="K30" s="956">
        <v>48</v>
      </c>
      <c r="L30" s="914">
        <v>1432</v>
      </c>
      <c r="M30" s="922">
        <v>737</v>
      </c>
      <c r="N30" s="914">
        <v>695</v>
      </c>
    </row>
    <row r="31" spans="1:14">
      <c r="A31" s="912"/>
      <c r="B31" s="957" t="s">
        <v>312</v>
      </c>
      <c r="C31" s="955">
        <v>1730</v>
      </c>
      <c r="D31" s="922">
        <v>894</v>
      </c>
      <c r="E31" s="956">
        <v>836</v>
      </c>
      <c r="F31" s="914">
        <v>5</v>
      </c>
      <c r="G31" s="922">
        <v>4</v>
      </c>
      <c r="H31" s="914">
        <v>1</v>
      </c>
      <c r="I31" s="955">
        <v>200</v>
      </c>
      <c r="J31" s="922">
        <v>128</v>
      </c>
      <c r="K31" s="956">
        <v>72</v>
      </c>
      <c r="L31" s="914">
        <v>1525</v>
      </c>
      <c r="M31" s="922">
        <v>762</v>
      </c>
      <c r="N31" s="914">
        <v>763</v>
      </c>
    </row>
    <row r="32" spans="1:14">
      <c r="A32" s="912"/>
      <c r="B32" s="957" t="s">
        <v>869</v>
      </c>
      <c r="C32" s="955">
        <v>1400</v>
      </c>
      <c r="D32" s="922">
        <v>722</v>
      </c>
      <c r="E32" s="956">
        <v>678</v>
      </c>
      <c r="F32" s="914">
        <v>3</v>
      </c>
      <c r="G32" s="922">
        <v>3</v>
      </c>
      <c r="H32" s="914">
        <v>0</v>
      </c>
      <c r="I32" s="955">
        <v>144</v>
      </c>
      <c r="J32" s="922">
        <v>91</v>
      </c>
      <c r="K32" s="956">
        <v>53</v>
      </c>
      <c r="L32" s="914">
        <v>1253</v>
      </c>
      <c r="M32" s="922">
        <v>628</v>
      </c>
      <c r="N32" s="914">
        <v>625</v>
      </c>
    </row>
    <row r="33" spans="1:14" s="524" customFormat="1" ht="20.100000000000001" customHeight="1">
      <c r="A33" s="1329" t="s">
        <v>870</v>
      </c>
      <c r="B33" s="1330"/>
      <c r="C33" s="855">
        <v>8668</v>
      </c>
      <c r="D33" s="909">
        <v>4470</v>
      </c>
      <c r="E33" s="953">
        <v>4198</v>
      </c>
      <c r="F33" s="908">
        <v>13</v>
      </c>
      <c r="G33" s="909">
        <v>6</v>
      </c>
      <c r="H33" s="909">
        <v>7</v>
      </c>
      <c r="I33" s="855">
        <v>713</v>
      </c>
      <c r="J33" s="909">
        <v>453</v>
      </c>
      <c r="K33" s="909">
        <v>260</v>
      </c>
      <c r="L33" s="908">
        <v>7942</v>
      </c>
      <c r="M33" s="909">
        <v>4011</v>
      </c>
      <c r="N33" s="855">
        <v>3931</v>
      </c>
    </row>
    <row r="34" spans="1:14">
      <c r="A34" s="912"/>
      <c r="B34" s="957" t="s">
        <v>871</v>
      </c>
      <c r="C34" s="955">
        <v>4925</v>
      </c>
      <c r="D34" s="922">
        <v>2599</v>
      </c>
      <c r="E34" s="956">
        <v>2326</v>
      </c>
      <c r="F34" s="914">
        <v>7</v>
      </c>
      <c r="G34" s="922">
        <v>4</v>
      </c>
      <c r="H34" s="914">
        <v>3</v>
      </c>
      <c r="I34" s="955">
        <v>444</v>
      </c>
      <c r="J34" s="922">
        <v>290</v>
      </c>
      <c r="K34" s="956">
        <v>154</v>
      </c>
      <c r="L34" s="914">
        <v>4474</v>
      </c>
      <c r="M34" s="922">
        <v>2305</v>
      </c>
      <c r="N34" s="914">
        <v>2169</v>
      </c>
    </row>
    <row r="35" spans="1:14">
      <c r="A35" s="912"/>
      <c r="B35" s="957" t="s">
        <v>872</v>
      </c>
      <c r="C35" s="955">
        <v>1993</v>
      </c>
      <c r="D35" s="922">
        <v>976</v>
      </c>
      <c r="E35" s="956">
        <v>1017</v>
      </c>
      <c r="F35" s="914">
        <v>5</v>
      </c>
      <c r="G35" s="922">
        <v>2</v>
      </c>
      <c r="H35" s="914">
        <v>3</v>
      </c>
      <c r="I35" s="955">
        <v>145</v>
      </c>
      <c r="J35" s="922">
        <v>89</v>
      </c>
      <c r="K35" s="956">
        <v>56</v>
      </c>
      <c r="L35" s="914">
        <v>1843</v>
      </c>
      <c r="M35" s="922">
        <v>885</v>
      </c>
      <c r="N35" s="914">
        <v>958</v>
      </c>
    </row>
    <row r="36" spans="1:14">
      <c r="A36" s="912"/>
      <c r="B36" s="957" t="s">
        <v>873</v>
      </c>
      <c r="C36" s="955">
        <v>671</v>
      </c>
      <c r="D36" s="922">
        <v>338</v>
      </c>
      <c r="E36" s="956">
        <v>333</v>
      </c>
      <c r="F36" s="914">
        <v>1</v>
      </c>
      <c r="G36" s="922">
        <v>0</v>
      </c>
      <c r="H36" s="914">
        <v>1</v>
      </c>
      <c r="I36" s="955">
        <v>47</v>
      </c>
      <c r="J36" s="922">
        <v>22</v>
      </c>
      <c r="K36" s="956">
        <v>25</v>
      </c>
      <c r="L36" s="914">
        <v>623</v>
      </c>
      <c r="M36" s="922">
        <v>316</v>
      </c>
      <c r="N36" s="914">
        <v>307</v>
      </c>
    </row>
    <row r="37" spans="1:14">
      <c r="A37" s="912"/>
      <c r="B37" s="957" t="s">
        <v>874</v>
      </c>
      <c r="C37" s="955">
        <v>678</v>
      </c>
      <c r="D37" s="922">
        <v>349</v>
      </c>
      <c r="E37" s="956">
        <v>329</v>
      </c>
      <c r="F37" s="914">
        <v>0</v>
      </c>
      <c r="G37" s="922">
        <v>0</v>
      </c>
      <c r="H37" s="914">
        <v>0</v>
      </c>
      <c r="I37" s="955">
        <v>49</v>
      </c>
      <c r="J37" s="922">
        <v>33</v>
      </c>
      <c r="K37" s="956">
        <v>16</v>
      </c>
      <c r="L37" s="914">
        <v>629</v>
      </c>
      <c r="M37" s="922">
        <v>316</v>
      </c>
      <c r="N37" s="914">
        <v>313</v>
      </c>
    </row>
    <row r="38" spans="1:14">
      <c r="A38" s="912"/>
      <c r="B38" s="957" t="s">
        <v>875</v>
      </c>
      <c r="C38" s="955">
        <v>401</v>
      </c>
      <c r="D38" s="922">
        <v>208</v>
      </c>
      <c r="E38" s="956">
        <v>193</v>
      </c>
      <c r="F38" s="914">
        <v>0</v>
      </c>
      <c r="G38" s="922">
        <v>0</v>
      </c>
      <c r="H38" s="914">
        <v>0</v>
      </c>
      <c r="I38" s="955">
        <v>28</v>
      </c>
      <c r="J38" s="922">
        <v>19</v>
      </c>
      <c r="K38" s="956">
        <v>9</v>
      </c>
      <c r="L38" s="914">
        <v>373</v>
      </c>
      <c r="M38" s="922">
        <v>189</v>
      </c>
      <c r="N38" s="914">
        <v>184</v>
      </c>
    </row>
    <row r="39" spans="1:14" s="524" customFormat="1" ht="20.100000000000001" customHeight="1">
      <c r="A39" s="1329" t="s">
        <v>910</v>
      </c>
      <c r="B39" s="1330"/>
      <c r="C39" s="855">
        <v>14071</v>
      </c>
      <c r="D39" s="909">
        <v>7754</v>
      </c>
      <c r="E39" s="953">
        <v>6317</v>
      </c>
      <c r="F39" s="908">
        <v>47</v>
      </c>
      <c r="G39" s="909">
        <v>22</v>
      </c>
      <c r="H39" s="909">
        <v>25</v>
      </c>
      <c r="I39" s="855">
        <v>1596</v>
      </c>
      <c r="J39" s="909">
        <v>1112</v>
      </c>
      <c r="K39" s="909">
        <v>484</v>
      </c>
      <c r="L39" s="908">
        <v>12428</v>
      </c>
      <c r="M39" s="909">
        <v>6620</v>
      </c>
      <c r="N39" s="855">
        <v>5808</v>
      </c>
    </row>
    <row r="40" spans="1:14" s="524" customFormat="1">
      <c r="A40" s="1339" t="s">
        <v>911</v>
      </c>
      <c r="B40" s="1340"/>
      <c r="C40" s="955">
        <v>6533</v>
      </c>
      <c r="D40" s="955">
        <v>3605</v>
      </c>
      <c r="E40" s="955">
        <v>2928</v>
      </c>
      <c r="F40" s="955">
        <v>17</v>
      </c>
      <c r="G40" s="922">
        <v>10</v>
      </c>
      <c r="H40" s="914">
        <v>7</v>
      </c>
      <c r="I40" s="955">
        <v>721</v>
      </c>
      <c r="J40" s="922">
        <v>496</v>
      </c>
      <c r="K40" s="956">
        <v>225</v>
      </c>
      <c r="L40" s="914">
        <v>5795</v>
      </c>
      <c r="M40" s="922">
        <v>3099</v>
      </c>
      <c r="N40" s="914">
        <v>2696</v>
      </c>
    </row>
    <row r="41" spans="1:14" s="524" customFormat="1">
      <c r="A41" s="924"/>
      <c r="B41" s="957" t="s">
        <v>878</v>
      </c>
      <c r="C41" s="955">
        <v>1669</v>
      </c>
      <c r="D41" s="955">
        <v>928</v>
      </c>
      <c r="E41" s="955">
        <v>741</v>
      </c>
      <c r="F41" s="955">
        <v>6</v>
      </c>
      <c r="G41" s="922">
        <v>3</v>
      </c>
      <c r="H41" s="914">
        <v>3</v>
      </c>
      <c r="I41" s="955">
        <v>156</v>
      </c>
      <c r="J41" s="922">
        <v>105</v>
      </c>
      <c r="K41" s="956">
        <v>51</v>
      </c>
      <c r="L41" s="955">
        <v>1507</v>
      </c>
      <c r="M41" s="922">
        <v>820</v>
      </c>
      <c r="N41" s="914">
        <v>687</v>
      </c>
    </row>
    <row r="42" spans="1:14" s="524" customFormat="1">
      <c r="A42" s="924"/>
      <c r="B42" s="957" t="s">
        <v>879</v>
      </c>
      <c r="C42" s="955">
        <v>2420</v>
      </c>
      <c r="D42" s="955">
        <v>1368</v>
      </c>
      <c r="E42" s="955">
        <v>1052</v>
      </c>
      <c r="F42" s="955">
        <v>9</v>
      </c>
      <c r="G42" s="922">
        <v>6</v>
      </c>
      <c r="H42" s="914">
        <v>3</v>
      </c>
      <c r="I42" s="955">
        <v>307</v>
      </c>
      <c r="J42" s="922">
        <v>212</v>
      </c>
      <c r="K42" s="956">
        <v>95</v>
      </c>
      <c r="L42" s="955">
        <v>2104</v>
      </c>
      <c r="M42" s="922">
        <v>1150</v>
      </c>
      <c r="N42" s="914">
        <v>954</v>
      </c>
    </row>
    <row r="43" spans="1:14" s="524" customFormat="1" ht="18.75" customHeight="1">
      <c r="A43" s="924"/>
      <c r="B43" s="958" t="s">
        <v>880</v>
      </c>
      <c r="C43" s="959">
        <v>2444</v>
      </c>
      <c r="D43" s="959">
        <v>1309</v>
      </c>
      <c r="E43" s="959">
        <v>1135</v>
      </c>
      <c r="F43" s="960">
        <v>2</v>
      </c>
      <c r="G43" s="960">
        <v>1</v>
      </c>
      <c r="H43" s="927">
        <v>1</v>
      </c>
      <c r="I43" s="959">
        <v>258</v>
      </c>
      <c r="J43" s="960">
        <v>179</v>
      </c>
      <c r="K43" s="961">
        <v>79</v>
      </c>
      <c r="L43" s="959">
        <v>2184</v>
      </c>
      <c r="M43" s="960">
        <v>1129</v>
      </c>
      <c r="N43" s="927">
        <v>1055</v>
      </c>
    </row>
    <row r="44" spans="1:14">
      <c r="A44" s="912"/>
      <c r="B44" s="957" t="s">
        <v>881</v>
      </c>
      <c r="C44" s="955">
        <v>1921</v>
      </c>
      <c r="D44" s="922">
        <v>1043</v>
      </c>
      <c r="E44" s="914">
        <v>878</v>
      </c>
      <c r="F44" s="922">
        <v>10</v>
      </c>
      <c r="G44" s="922">
        <v>4</v>
      </c>
      <c r="H44" s="914">
        <v>6</v>
      </c>
      <c r="I44" s="955">
        <v>230</v>
      </c>
      <c r="J44" s="922">
        <v>158</v>
      </c>
      <c r="K44" s="956">
        <v>72</v>
      </c>
      <c r="L44" s="922">
        <v>1681</v>
      </c>
      <c r="M44" s="922">
        <v>881</v>
      </c>
      <c r="N44" s="914">
        <v>800</v>
      </c>
    </row>
    <row r="45" spans="1:14">
      <c r="A45" s="912"/>
      <c r="B45" s="957" t="s">
        <v>882</v>
      </c>
      <c r="C45" s="955">
        <v>2144</v>
      </c>
      <c r="D45" s="922">
        <v>1160</v>
      </c>
      <c r="E45" s="956">
        <v>984</v>
      </c>
      <c r="F45" s="914">
        <v>11</v>
      </c>
      <c r="G45" s="922">
        <v>3</v>
      </c>
      <c r="H45" s="914">
        <v>8</v>
      </c>
      <c r="I45" s="955">
        <v>249</v>
      </c>
      <c r="J45" s="922">
        <v>176</v>
      </c>
      <c r="K45" s="956">
        <v>73</v>
      </c>
      <c r="L45" s="914">
        <v>1884</v>
      </c>
      <c r="M45" s="922">
        <v>981</v>
      </c>
      <c r="N45" s="914">
        <v>903</v>
      </c>
    </row>
    <row r="46" spans="1:14">
      <c r="A46" s="912"/>
      <c r="B46" s="957" t="s">
        <v>883</v>
      </c>
      <c r="C46" s="955">
        <v>1060</v>
      </c>
      <c r="D46" s="922">
        <v>582</v>
      </c>
      <c r="E46" s="956">
        <v>478</v>
      </c>
      <c r="F46" s="914">
        <v>6</v>
      </c>
      <c r="G46" s="922">
        <v>2</v>
      </c>
      <c r="H46" s="914">
        <v>4</v>
      </c>
      <c r="I46" s="955">
        <v>102</v>
      </c>
      <c r="J46" s="922">
        <v>70</v>
      </c>
      <c r="K46" s="956">
        <v>32</v>
      </c>
      <c r="L46" s="914">
        <v>952</v>
      </c>
      <c r="M46" s="922">
        <v>510</v>
      </c>
      <c r="N46" s="914">
        <v>442</v>
      </c>
    </row>
    <row r="47" spans="1:14">
      <c r="A47" s="912"/>
      <c r="B47" s="957" t="s">
        <v>884</v>
      </c>
      <c r="C47" s="955">
        <v>1148</v>
      </c>
      <c r="D47" s="922">
        <v>651</v>
      </c>
      <c r="E47" s="956">
        <v>497</v>
      </c>
      <c r="F47" s="914">
        <v>3</v>
      </c>
      <c r="G47" s="922">
        <v>3</v>
      </c>
      <c r="H47" s="914">
        <v>0</v>
      </c>
      <c r="I47" s="955">
        <v>149</v>
      </c>
      <c r="J47" s="922">
        <v>102</v>
      </c>
      <c r="K47" s="956">
        <v>47</v>
      </c>
      <c r="L47" s="914">
        <v>996</v>
      </c>
      <c r="M47" s="922">
        <v>546</v>
      </c>
      <c r="N47" s="914">
        <v>450</v>
      </c>
    </row>
    <row r="48" spans="1:14">
      <c r="A48" s="912"/>
      <c r="B48" s="957" t="s">
        <v>885</v>
      </c>
      <c r="C48" s="955">
        <v>795</v>
      </c>
      <c r="D48" s="922">
        <v>446</v>
      </c>
      <c r="E48" s="956">
        <v>349</v>
      </c>
      <c r="F48" s="914">
        <v>0</v>
      </c>
      <c r="G48" s="922">
        <v>0</v>
      </c>
      <c r="H48" s="914">
        <v>0</v>
      </c>
      <c r="I48" s="955">
        <v>102</v>
      </c>
      <c r="J48" s="922">
        <v>77</v>
      </c>
      <c r="K48" s="956">
        <v>25</v>
      </c>
      <c r="L48" s="914">
        <v>693</v>
      </c>
      <c r="M48" s="922">
        <v>369</v>
      </c>
      <c r="N48" s="914">
        <v>324</v>
      </c>
    </row>
    <row r="49" spans="1:14">
      <c r="A49" s="912"/>
      <c r="B49" s="957" t="s">
        <v>886</v>
      </c>
      <c r="C49" s="955">
        <v>425</v>
      </c>
      <c r="D49" s="922">
        <v>245</v>
      </c>
      <c r="E49" s="956">
        <v>180</v>
      </c>
      <c r="F49" s="914">
        <v>0</v>
      </c>
      <c r="G49" s="922">
        <v>0</v>
      </c>
      <c r="H49" s="914">
        <v>0</v>
      </c>
      <c r="I49" s="955">
        <v>39</v>
      </c>
      <c r="J49" s="922">
        <v>31</v>
      </c>
      <c r="K49" s="956">
        <v>8</v>
      </c>
      <c r="L49" s="914">
        <v>386</v>
      </c>
      <c r="M49" s="922">
        <v>214</v>
      </c>
      <c r="N49" s="914">
        <v>172</v>
      </c>
    </row>
    <row r="50" spans="1:14">
      <c r="A50" s="912"/>
      <c r="B50" s="957" t="s">
        <v>324</v>
      </c>
      <c r="C50" s="955">
        <v>45</v>
      </c>
      <c r="D50" s="922">
        <v>22</v>
      </c>
      <c r="E50" s="956">
        <v>23</v>
      </c>
      <c r="F50" s="914">
        <v>0</v>
      </c>
      <c r="G50" s="922">
        <v>0</v>
      </c>
      <c r="H50" s="914">
        <v>0</v>
      </c>
      <c r="I50" s="955">
        <v>4</v>
      </c>
      <c r="J50" s="922">
        <v>2</v>
      </c>
      <c r="K50" s="956">
        <v>2</v>
      </c>
      <c r="L50" s="914">
        <v>41</v>
      </c>
      <c r="M50" s="922">
        <v>20</v>
      </c>
      <c r="N50" s="914">
        <v>21</v>
      </c>
    </row>
    <row r="51" spans="1:14" s="524" customFormat="1" ht="20.100000000000001" customHeight="1">
      <c r="A51" s="1329" t="s">
        <v>912</v>
      </c>
      <c r="B51" s="1330"/>
      <c r="C51" s="855">
        <v>12258</v>
      </c>
      <c r="D51" s="909">
        <v>6415</v>
      </c>
      <c r="E51" s="953">
        <v>5843</v>
      </c>
      <c r="F51" s="908">
        <v>45</v>
      </c>
      <c r="G51" s="909">
        <v>18</v>
      </c>
      <c r="H51" s="909">
        <v>27</v>
      </c>
      <c r="I51" s="855">
        <v>1162</v>
      </c>
      <c r="J51" s="909">
        <v>762</v>
      </c>
      <c r="K51" s="909">
        <v>400</v>
      </c>
      <c r="L51" s="908">
        <v>11051</v>
      </c>
      <c r="M51" s="909">
        <v>5635</v>
      </c>
      <c r="N51" s="855">
        <v>5416</v>
      </c>
    </row>
    <row r="52" spans="1:14">
      <c r="A52" s="912"/>
      <c r="B52" s="957" t="s">
        <v>888</v>
      </c>
      <c r="C52" s="955">
        <v>2685</v>
      </c>
      <c r="D52" s="922">
        <v>1447</v>
      </c>
      <c r="E52" s="956">
        <v>1238</v>
      </c>
      <c r="F52" s="914">
        <v>14</v>
      </c>
      <c r="G52" s="922">
        <v>4</v>
      </c>
      <c r="H52" s="914">
        <v>10</v>
      </c>
      <c r="I52" s="955">
        <v>272</v>
      </c>
      <c r="J52" s="922">
        <v>185</v>
      </c>
      <c r="K52" s="956">
        <v>87</v>
      </c>
      <c r="L52" s="914">
        <v>2399</v>
      </c>
      <c r="M52" s="922">
        <v>1258</v>
      </c>
      <c r="N52" s="914">
        <v>1141</v>
      </c>
    </row>
    <row r="53" spans="1:14">
      <c r="A53" s="912"/>
      <c r="B53" s="957" t="s">
        <v>889</v>
      </c>
      <c r="C53" s="955">
        <v>3802</v>
      </c>
      <c r="D53" s="922">
        <v>1920</v>
      </c>
      <c r="E53" s="956">
        <v>1882</v>
      </c>
      <c r="F53" s="914">
        <v>11</v>
      </c>
      <c r="G53" s="922">
        <v>4</v>
      </c>
      <c r="H53" s="914">
        <v>7</v>
      </c>
      <c r="I53" s="955">
        <v>344</v>
      </c>
      <c r="J53" s="922">
        <v>222</v>
      </c>
      <c r="K53" s="956">
        <v>122</v>
      </c>
      <c r="L53" s="914">
        <v>3447</v>
      </c>
      <c r="M53" s="922">
        <v>1694</v>
      </c>
      <c r="N53" s="914">
        <v>1753</v>
      </c>
    </row>
    <row r="54" spans="1:14">
      <c r="A54" s="912"/>
      <c r="B54" s="957" t="s">
        <v>890</v>
      </c>
      <c r="C54" s="955">
        <v>2180</v>
      </c>
      <c r="D54" s="922">
        <v>1141</v>
      </c>
      <c r="E54" s="956">
        <v>1039</v>
      </c>
      <c r="F54" s="914">
        <v>9</v>
      </c>
      <c r="G54" s="922">
        <v>4</v>
      </c>
      <c r="H54" s="914">
        <v>5</v>
      </c>
      <c r="I54" s="955">
        <v>193</v>
      </c>
      <c r="J54" s="922">
        <v>123</v>
      </c>
      <c r="K54" s="956">
        <v>70</v>
      </c>
      <c r="L54" s="914">
        <v>1978</v>
      </c>
      <c r="M54" s="922">
        <v>1014</v>
      </c>
      <c r="N54" s="914">
        <v>964</v>
      </c>
    </row>
    <row r="55" spans="1:14">
      <c r="A55" s="912"/>
      <c r="B55" s="957" t="s">
        <v>891</v>
      </c>
      <c r="C55" s="955">
        <v>1533</v>
      </c>
      <c r="D55" s="922">
        <v>810</v>
      </c>
      <c r="E55" s="956">
        <v>723</v>
      </c>
      <c r="F55" s="914">
        <v>3</v>
      </c>
      <c r="G55" s="922">
        <v>1</v>
      </c>
      <c r="H55" s="914">
        <v>2</v>
      </c>
      <c r="I55" s="955">
        <v>164</v>
      </c>
      <c r="J55" s="922">
        <v>102</v>
      </c>
      <c r="K55" s="956">
        <v>62</v>
      </c>
      <c r="L55" s="914">
        <v>1366</v>
      </c>
      <c r="M55" s="922">
        <v>707</v>
      </c>
      <c r="N55" s="914">
        <v>659</v>
      </c>
    </row>
    <row r="56" spans="1:14">
      <c r="A56" s="912"/>
      <c r="B56" s="957" t="s">
        <v>892</v>
      </c>
      <c r="C56" s="955">
        <v>862</v>
      </c>
      <c r="D56" s="922">
        <v>481</v>
      </c>
      <c r="E56" s="956">
        <v>381</v>
      </c>
      <c r="F56" s="914">
        <v>2</v>
      </c>
      <c r="G56" s="922">
        <v>2</v>
      </c>
      <c r="H56" s="914">
        <v>0</v>
      </c>
      <c r="I56" s="955">
        <v>94</v>
      </c>
      <c r="J56" s="922">
        <v>66</v>
      </c>
      <c r="K56" s="956">
        <v>28</v>
      </c>
      <c r="L56" s="914">
        <v>766</v>
      </c>
      <c r="M56" s="922">
        <v>413</v>
      </c>
      <c r="N56" s="914">
        <v>353</v>
      </c>
    </row>
    <row r="57" spans="1:14">
      <c r="A57" s="912"/>
      <c r="B57" s="957" t="s">
        <v>893</v>
      </c>
      <c r="C57" s="955">
        <v>452</v>
      </c>
      <c r="D57" s="922">
        <v>232</v>
      </c>
      <c r="E57" s="956">
        <v>220</v>
      </c>
      <c r="F57" s="914">
        <v>5</v>
      </c>
      <c r="G57" s="922">
        <v>2</v>
      </c>
      <c r="H57" s="914">
        <v>3</v>
      </c>
      <c r="I57" s="955">
        <v>38</v>
      </c>
      <c r="J57" s="922">
        <v>27</v>
      </c>
      <c r="K57" s="956">
        <v>11</v>
      </c>
      <c r="L57" s="914">
        <v>409</v>
      </c>
      <c r="M57" s="922">
        <v>203</v>
      </c>
      <c r="N57" s="914">
        <v>206</v>
      </c>
    </row>
    <row r="58" spans="1:14">
      <c r="A58" s="912"/>
      <c r="B58" s="957" t="s">
        <v>894</v>
      </c>
      <c r="C58" s="955">
        <v>402</v>
      </c>
      <c r="D58" s="922">
        <v>204</v>
      </c>
      <c r="E58" s="956">
        <v>198</v>
      </c>
      <c r="F58" s="914">
        <v>1</v>
      </c>
      <c r="G58" s="922">
        <v>1</v>
      </c>
      <c r="H58" s="914">
        <v>0</v>
      </c>
      <c r="I58" s="955">
        <v>26</v>
      </c>
      <c r="J58" s="922">
        <v>15</v>
      </c>
      <c r="K58" s="956">
        <v>11</v>
      </c>
      <c r="L58" s="914">
        <v>375</v>
      </c>
      <c r="M58" s="922">
        <v>188</v>
      </c>
      <c r="N58" s="914">
        <v>187</v>
      </c>
    </row>
    <row r="59" spans="1:14">
      <c r="A59" s="912"/>
      <c r="B59" s="957" t="s">
        <v>895</v>
      </c>
      <c r="C59" s="955">
        <v>342</v>
      </c>
      <c r="D59" s="922">
        <v>180</v>
      </c>
      <c r="E59" s="956">
        <v>162</v>
      </c>
      <c r="F59" s="914">
        <v>0</v>
      </c>
      <c r="G59" s="922">
        <v>0</v>
      </c>
      <c r="H59" s="914">
        <v>0</v>
      </c>
      <c r="I59" s="955">
        <v>31</v>
      </c>
      <c r="J59" s="922">
        <v>22</v>
      </c>
      <c r="K59" s="956">
        <v>9</v>
      </c>
      <c r="L59" s="914">
        <v>311</v>
      </c>
      <c r="M59" s="922">
        <v>158</v>
      </c>
      <c r="N59" s="914">
        <v>153</v>
      </c>
    </row>
    <row r="60" spans="1:14" s="524" customFormat="1" ht="20.100000000000001" customHeight="1">
      <c r="A60" s="1329" t="s">
        <v>913</v>
      </c>
      <c r="B60" s="1330"/>
      <c r="C60" s="855">
        <v>4237</v>
      </c>
      <c r="D60" s="909">
        <v>2231</v>
      </c>
      <c r="E60" s="953">
        <v>2006</v>
      </c>
      <c r="F60" s="908">
        <v>4</v>
      </c>
      <c r="G60" s="909">
        <v>4</v>
      </c>
      <c r="H60" s="909">
        <v>0</v>
      </c>
      <c r="I60" s="855">
        <v>320</v>
      </c>
      <c r="J60" s="909">
        <v>214</v>
      </c>
      <c r="K60" s="909">
        <v>106</v>
      </c>
      <c r="L60" s="908">
        <v>3913</v>
      </c>
      <c r="M60" s="909">
        <v>2013</v>
      </c>
      <c r="N60" s="855">
        <v>1900</v>
      </c>
    </row>
    <row r="61" spans="1:14">
      <c r="A61" s="912"/>
      <c r="B61" s="957" t="s">
        <v>897</v>
      </c>
      <c r="C61" s="955">
        <v>2250</v>
      </c>
      <c r="D61" s="922">
        <v>1182</v>
      </c>
      <c r="E61" s="956">
        <v>1068</v>
      </c>
      <c r="F61" s="914">
        <v>2</v>
      </c>
      <c r="G61" s="922">
        <v>2</v>
      </c>
      <c r="H61" s="914">
        <v>0</v>
      </c>
      <c r="I61" s="955">
        <v>191</v>
      </c>
      <c r="J61" s="922">
        <v>126</v>
      </c>
      <c r="K61" s="956">
        <v>65</v>
      </c>
      <c r="L61" s="914">
        <v>2057</v>
      </c>
      <c r="M61" s="922">
        <v>1054</v>
      </c>
      <c r="N61" s="914">
        <v>1003</v>
      </c>
    </row>
    <row r="62" spans="1:14">
      <c r="A62" s="912"/>
      <c r="B62" s="957" t="s">
        <v>898</v>
      </c>
      <c r="C62" s="955">
        <v>463</v>
      </c>
      <c r="D62" s="922">
        <v>246</v>
      </c>
      <c r="E62" s="956">
        <v>217</v>
      </c>
      <c r="F62" s="914">
        <v>0</v>
      </c>
      <c r="G62" s="922">
        <v>0</v>
      </c>
      <c r="H62" s="914">
        <v>0</v>
      </c>
      <c r="I62" s="955">
        <v>36</v>
      </c>
      <c r="J62" s="922">
        <v>27</v>
      </c>
      <c r="K62" s="956">
        <v>9</v>
      </c>
      <c r="L62" s="914">
        <v>427</v>
      </c>
      <c r="M62" s="922">
        <v>219</v>
      </c>
      <c r="N62" s="914">
        <v>208</v>
      </c>
    </row>
    <row r="63" spans="1:14">
      <c r="A63" s="912"/>
      <c r="B63" s="957" t="s">
        <v>899</v>
      </c>
      <c r="C63" s="955">
        <v>109</v>
      </c>
      <c r="D63" s="922">
        <v>60</v>
      </c>
      <c r="E63" s="956">
        <v>49</v>
      </c>
      <c r="F63" s="914">
        <v>0</v>
      </c>
      <c r="G63" s="922">
        <v>0</v>
      </c>
      <c r="H63" s="914">
        <v>0</v>
      </c>
      <c r="I63" s="955">
        <v>6</v>
      </c>
      <c r="J63" s="922">
        <v>6</v>
      </c>
      <c r="K63" s="956">
        <v>0</v>
      </c>
      <c r="L63" s="914">
        <v>103</v>
      </c>
      <c r="M63" s="922">
        <v>54</v>
      </c>
      <c r="N63" s="914">
        <v>49</v>
      </c>
    </row>
    <row r="64" spans="1:14">
      <c r="A64" s="912"/>
      <c r="B64" s="957" t="s">
        <v>900</v>
      </c>
      <c r="C64" s="955">
        <v>165</v>
      </c>
      <c r="D64" s="922">
        <v>92</v>
      </c>
      <c r="E64" s="956">
        <v>73</v>
      </c>
      <c r="F64" s="914">
        <v>1</v>
      </c>
      <c r="G64" s="922">
        <v>1</v>
      </c>
      <c r="H64" s="914">
        <v>0</v>
      </c>
      <c r="I64" s="955">
        <v>15</v>
      </c>
      <c r="J64" s="922">
        <v>10</v>
      </c>
      <c r="K64" s="956">
        <v>5</v>
      </c>
      <c r="L64" s="914">
        <v>149</v>
      </c>
      <c r="M64" s="922">
        <v>81</v>
      </c>
      <c r="N64" s="914">
        <v>68</v>
      </c>
    </row>
    <row r="65" spans="1:14">
      <c r="A65" s="912"/>
      <c r="B65" s="957" t="s">
        <v>901</v>
      </c>
      <c r="C65" s="955">
        <v>160</v>
      </c>
      <c r="D65" s="922">
        <v>90</v>
      </c>
      <c r="E65" s="956">
        <v>70</v>
      </c>
      <c r="F65" s="914">
        <v>0</v>
      </c>
      <c r="G65" s="922">
        <v>0</v>
      </c>
      <c r="H65" s="914">
        <v>0</v>
      </c>
      <c r="I65" s="955">
        <v>3</v>
      </c>
      <c r="J65" s="922">
        <v>2</v>
      </c>
      <c r="K65" s="956">
        <v>1</v>
      </c>
      <c r="L65" s="914">
        <v>157</v>
      </c>
      <c r="M65" s="922">
        <v>88</v>
      </c>
      <c r="N65" s="914">
        <v>69</v>
      </c>
    </row>
    <row r="66" spans="1:14">
      <c r="A66" s="912"/>
      <c r="B66" s="957" t="s">
        <v>317</v>
      </c>
      <c r="C66" s="955">
        <v>168</v>
      </c>
      <c r="D66" s="922">
        <v>83</v>
      </c>
      <c r="E66" s="956">
        <v>85</v>
      </c>
      <c r="F66" s="914">
        <v>0</v>
      </c>
      <c r="G66" s="922">
        <v>0</v>
      </c>
      <c r="H66" s="914">
        <v>0</v>
      </c>
      <c r="I66" s="955">
        <v>7</v>
      </c>
      <c r="J66" s="922">
        <v>4</v>
      </c>
      <c r="K66" s="956">
        <v>3</v>
      </c>
      <c r="L66" s="914">
        <v>161</v>
      </c>
      <c r="M66" s="922">
        <v>79</v>
      </c>
      <c r="N66" s="914">
        <v>82</v>
      </c>
    </row>
    <row r="67" spans="1:14">
      <c r="A67" s="912"/>
      <c r="B67" s="957" t="s">
        <v>310</v>
      </c>
      <c r="C67" s="955">
        <v>156</v>
      </c>
      <c r="D67" s="922">
        <v>86</v>
      </c>
      <c r="E67" s="956">
        <v>70</v>
      </c>
      <c r="F67" s="914">
        <v>0</v>
      </c>
      <c r="G67" s="922">
        <v>0</v>
      </c>
      <c r="H67" s="914">
        <v>0</v>
      </c>
      <c r="I67" s="955">
        <v>10</v>
      </c>
      <c r="J67" s="922">
        <v>6</v>
      </c>
      <c r="K67" s="956">
        <v>4</v>
      </c>
      <c r="L67" s="914">
        <v>146</v>
      </c>
      <c r="M67" s="922">
        <v>80</v>
      </c>
      <c r="N67" s="914">
        <v>66</v>
      </c>
    </row>
    <row r="68" spans="1:14">
      <c r="A68" s="912"/>
      <c r="B68" s="957" t="s">
        <v>309</v>
      </c>
      <c r="C68" s="955">
        <v>196</v>
      </c>
      <c r="D68" s="922">
        <v>108</v>
      </c>
      <c r="E68" s="956">
        <v>88</v>
      </c>
      <c r="F68" s="914">
        <v>0</v>
      </c>
      <c r="G68" s="922">
        <v>0</v>
      </c>
      <c r="H68" s="914">
        <v>0</v>
      </c>
      <c r="I68" s="955">
        <v>14</v>
      </c>
      <c r="J68" s="922">
        <v>10</v>
      </c>
      <c r="K68" s="956">
        <v>4</v>
      </c>
      <c r="L68" s="914">
        <v>182</v>
      </c>
      <c r="M68" s="922">
        <v>98</v>
      </c>
      <c r="N68" s="914">
        <v>84</v>
      </c>
    </row>
    <row r="69" spans="1:14">
      <c r="A69" s="912"/>
      <c r="B69" s="957" t="s">
        <v>311</v>
      </c>
      <c r="C69" s="955">
        <v>131</v>
      </c>
      <c r="D69" s="922">
        <v>70</v>
      </c>
      <c r="E69" s="956">
        <v>61</v>
      </c>
      <c r="F69" s="914">
        <v>1</v>
      </c>
      <c r="G69" s="922">
        <v>1</v>
      </c>
      <c r="H69" s="914">
        <v>0</v>
      </c>
      <c r="I69" s="955">
        <v>10</v>
      </c>
      <c r="J69" s="922">
        <v>7</v>
      </c>
      <c r="K69" s="956">
        <v>3</v>
      </c>
      <c r="L69" s="914">
        <v>120</v>
      </c>
      <c r="M69" s="922">
        <v>62</v>
      </c>
      <c r="N69" s="914">
        <v>58</v>
      </c>
    </row>
    <row r="70" spans="1:14">
      <c r="A70" s="912"/>
      <c r="B70" s="957" t="s">
        <v>313</v>
      </c>
      <c r="C70" s="955">
        <v>439</v>
      </c>
      <c r="D70" s="922">
        <v>214</v>
      </c>
      <c r="E70" s="956">
        <v>225</v>
      </c>
      <c r="F70" s="914">
        <v>0</v>
      </c>
      <c r="G70" s="922">
        <v>0</v>
      </c>
      <c r="H70" s="914">
        <v>0</v>
      </c>
      <c r="I70" s="955">
        <v>28</v>
      </c>
      <c r="J70" s="922">
        <v>16</v>
      </c>
      <c r="K70" s="956">
        <v>12</v>
      </c>
      <c r="L70" s="914">
        <v>411</v>
      </c>
      <c r="M70" s="922">
        <v>198</v>
      </c>
      <c r="N70" s="914">
        <v>213</v>
      </c>
    </row>
    <row r="71" spans="1:14" s="524" customFormat="1" ht="20.100000000000001" customHeight="1">
      <c r="A71" s="924"/>
      <c r="B71" s="906"/>
      <c r="C71" s="855"/>
      <c r="D71" s="909"/>
      <c r="E71" s="953"/>
      <c r="F71" s="909"/>
      <c r="G71" s="909"/>
      <c r="H71" s="909"/>
      <c r="I71" s="855"/>
      <c r="J71" s="909"/>
      <c r="K71" s="909"/>
      <c r="L71" s="908"/>
      <c r="M71" s="909"/>
      <c r="N71" s="855"/>
    </row>
    <row r="72" spans="1:14" ht="14.25" thickBot="1">
      <c r="A72" s="962"/>
      <c r="B72" s="963"/>
      <c r="C72" s="964"/>
      <c r="D72" s="965"/>
      <c r="E72" s="966"/>
      <c r="F72" s="967"/>
      <c r="G72" s="965"/>
      <c r="H72" s="967"/>
      <c r="I72" s="964"/>
      <c r="J72" s="965"/>
      <c r="K72" s="966"/>
      <c r="L72" s="967"/>
      <c r="M72" s="965"/>
      <c r="N72" s="967"/>
    </row>
    <row r="73" spans="1:14" ht="14.25" thickTop="1">
      <c r="F73" s="968"/>
    </row>
  </sheetData>
  <mergeCells count="12">
    <mergeCell ref="A60:B60"/>
    <mergeCell ref="C3:E3"/>
    <mergeCell ref="F3:H3"/>
    <mergeCell ref="I3:K3"/>
    <mergeCell ref="L3:N3"/>
    <mergeCell ref="A4:B4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59055118110236227" right="0.59055118110236227" top="0.59055118110236227" bottom="0.59055118110236227" header="0" footer="0.19685039370078741"/>
  <pageSetup paperSize="9" scale="77" orientation="portrait" blackAndWhite="1" r:id="rId1"/>
  <headerFooter scaleWithDoc="0" alignWithMargins="0">
    <oddFooter>&amp;C&amp;"-,太字"-53-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0"/>
  <sheetViews>
    <sheetView zoomScale="75" zoomScaleNormal="75" zoomScaleSheetLayoutView="100" workbookViewId="0"/>
  </sheetViews>
  <sheetFormatPr defaultRowHeight="13.5"/>
  <cols>
    <col min="1" max="1" width="8.75" style="165" customWidth="1"/>
    <col min="2" max="2" width="6.25" style="165" customWidth="1"/>
    <col min="3" max="5" width="14.625" style="165" customWidth="1"/>
    <col min="6" max="9" width="11.625" style="165" customWidth="1"/>
    <col min="10" max="16384" width="9" style="165"/>
  </cols>
  <sheetData>
    <row r="1" spans="1:9" s="155" customFormat="1" ht="22.5" customHeight="1" thickBot="1">
      <c r="A1" s="152" t="s">
        <v>92</v>
      </c>
      <c r="B1" s="153"/>
      <c r="C1" s="154"/>
      <c r="D1" s="154"/>
      <c r="E1" s="154"/>
      <c r="F1" s="154"/>
      <c r="G1" s="154"/>
      <c r="H1" s="154"/>
      <c r="I1" s="154"/>
    </row>
    <row r="2" spans="1:9" s="155" customFormat="1" ht="22.5" customHeight="1" thickTop="1">
      <c r="A2" s="1212" t="s">
        <v>93</v>
      </c>
      <c r="B2" s="1213"/>
      <c r="C2" s="1218" t="s">
        <v>94</v>
      </c>
      <c r="D2" s="1219"/>
      <c r="E2" s="1219"/>
      <c r="F2" s="1219"/>
      <c r="G2" s="1219"/>
      <c r="H2" s="1220"/>
      <c r="I2" s="156" t="s">
        <v>95</v>
      </c>
    </row>
    <row r="3" spans="1:9" s="155" customFormat="1" ht="22.5" customHeight="1">
      <c r="A3" s="1214"/>
      <c r="B3" s="1215"/>
      <c r="C3" s="1221" t="s">
        <v>96</v>
      </c>
      <c r="D3" s="1222"/>
      <c r="E3" s="1222"/>
      <c r="F3" s="1223"/>
      <c r="G3" s="157" t="s">
        <v>97</v>
      </c>
      <c r="H3" s="157" t="s">
        <v>98</v>
      </c>
      <c r="I3" s="158" t="s">
        <v>99</v>
      </c>
    </row>
    <row r="4" spans="1:9" ht="22.5" customHeight="1">
      <c r="A4" s="1216"/>
      <c r="B4" s="1217"/>
      <c r="C4" s="159" t="s">
        <v>100</v>
      </c>
      <c r="D4" s="160" t="s">
        <v>101</v>
      </c>
      <c r="E4" s="161" t="s">
        <v>102</v>
      </c>
      <c r="F4" s="162" t="s">
        <v>103</v>
      </c>
      <c r="G4" s="163" t="s">
        <v>104</v>
      </c>
      <c r="H4" s="163" t="s">
        <v>104</v>
      </c>
      <c r="I4" s="164" t="s">
        <v>104</v>
      </c>
    </row>
    <row r="5" spans="1:9" ht="16.5" customHeight="1">
      <c r="A5" s="166"/>
      <c r="B5" s="166"/>
      <c r="C5" s="167" t="s">
        <v>105</v>
      </c>
      <c r="D5" s="168" t="s">
        <v>105</v>
      </c>
      <c r="E5" s="169" t="s">
        <v>105</v>
      </c>
      <c r="F5" s="170"/>
      <c r="G5" s="171"/>
      <c r="H5" s="171"/>
      <c r="I5" s="172"/>
    </row>
    <row r="6" spans="1:9" ht="22.5" customHeight="1">
      <c r="A6" s="1224" t="s">
        <v>106</v>
      </c>
      <c r="B6" s="1225"/>
      <c r="C6" s="173">
        <v>9201825</v>
      </c>
      <c r="D6" s="174">
        <v>4585811</v>
      </c>
      <c r="E6" s="175">
        <v>4616014</v>
      </c>
      <c r="F6" s="176">
        <v>99.345690892618606</v>
      </c>
      <c r="G6" s="176">
        <v>99.422710443860723</v>
      </c>
      <c r="H6" s="176">
        <v>99.522471451387602</v>
      </c>
      <c r="I6" s="177">
        <v>94.807725016622086</v>
      </c>
    </row>
    <row r="7" spans="1:9" ht="22.5" customHeight="1">
      <c r="A7" s="178" t="s">
        <v>1025</v>
      </c>
      <c r="B7" s="179" t="s">
        <v>107</v>
      </c>
      <c r="C7" s="173">
        <v>346881</v>
      </c>
      <c r="D7" s="174">
        <v>177807</v>
      </c>
      <c r="E7" s="175">
        <v>169074</v>
      </c>
      <c r="F7" s="176">
        <v>105.16519393874873</v>
      </c>
      <c r="G7" s="176">
        <v>105.06149341994215</v>
      </c>
      <c r="H7" s="176">
        <v>104.90346447917925</v>
      </c>
      <c r="I7" s="177">
        <v>105.06712862711129</v>
      </c>
    </row>
    <row r="8" spans="1:9" ht="22.5" customHeight="1">
      <c r="A8" s="180" t="s">
        <v>108</v>
      </c>
      <c r="B8" s="181"/>
      <c r="C8" s="173">
        <v>365929</v>
      </c>
      <c r="D8" s="174">
        <v>187233</v>
      </c>
      <c r="E8" s="175">
        <v>178696</v>
      </c>
      <c r="F8" s="176">
        <v>104.77738729462327</v>
      </c>
      <c r="G8" s="176">
        <v>104.50430071338323</v>
      </c>
      <c r="H8" s="176">
        <v>104.62673052376641</v>
      </c>
      <c r="I8" s="177">
        <v>104.87903225806451</v>
      </c>
    </row>
    <row r="9" spans="1:9" ht="22.5" customHeight="1">
      <c r="A9" s="182" t="s">
        <v>109</v>
      </c>
      <c r="B9" s="183"/>
      <c r="C9" s="173">
        <v>381592</v>
      </c>
      <c r="D9" s="174">
        <v>195323</v>
      </c>
      <c r="E9" s="175">
        <v>186269</v>
      </c>
      <c r="F9" s="176">
        <v>104.86071219580285</v>
      </c>
      <c r="G9" s="176">
        <v>105.2423523362133</v>
      </c>
      <c r="H9" s="176">
        <v>105.14504215196008</v>
      </c>
      <c r="I9" s="177">
        <v>104.98657460682776</v>
      </c>
    </row>
    <row r="10" spans="1:9" ht="22.5" customHeight="1">
      <c r="A10" s="180" t="s">
        <v>110</v>
      </c>
      <c r="B10" s="181"/>
      <c r="C10" s="173">
        <v>414305</v>
      </c>
      <c r="D10" s="174">
        <v>212413</v>
      </c>
      <c r="E10" s="175">
        <v>201892</v>
      </c>
      <c r="F10" s="176">
        <v>105.21120202880748</v>
      </c>
      <c r="G10" s="176">
        <v>104.8526048222393</v>
      </c>
      <c r="H10" s="176">
        <v>104.93836173122502</v>
      </c>
      <c r="I10" s="177">
        <v>105.0865418580007</v>
      </c>
    </row>
    <row r="11" spans="1:9" ht="22.5" customHeight="1">
      <c r="A11" s="180" t="s">
        <v>111</v>
      </c>
      <c r="B11" s="181"/>
      <c r="C11" s="173">
        <v>506863</v>
      </c>
      <c r="D11" s="174">
        <v>263299</v>
      </c>
      <c r="E11" s="175">
        <v>243564</v>
      </c>
      <c r="F11" s="176">
        <v>108.1025931582664</v>
      </c>
      <c r="G11" s="176">
        <v>108.96784068479603</v>
      </c>
      <c r="H11" s="176">
        <v>109.7625702971615</v>
      </c>
      <c r="I11" s="177">
        <v>106.75324675324676</v>
      </c>
    </row>
    <row r="12" spans="1:9" ht="22.5" customHeight="1">
      <c r="A12" s="180" t="s">
        <v>112</v>
      </c>
      <c r="B12" s="181"/>
      <c r="C12" s="173">
        <v>505423</v>
      </c>
      <c r="D12" s="174">
        <v>266079</v>
      </c>
      <c r="E12" s="175">
        <v>239344</v>
      </c>
      <c r="F12" s="176">
        <v>111.17011498094793</v>
      </c>
      <c r="G12" s="176">
        <v>110.35528821187468</v>
      </c>
      <c r="H12" s="176">
        <v>109.07950720080825</v>
      </c>
      <c r="I12" s="177">
        <v>106.39496355202121</v>
      </c>
    </row>
    <row r="13" spans="1:9" ht="22.5" customHeight="1">
      <c r="A13" s="180" t="s">
        <v>113</v>
      </c>
      <c r="B13" s="181"/>
      <c r="C13" s="173">
        <v>506076</v>
      </c>
      <c r="D13" s="174">
        <v>261992</v>
      </c>
      <c r="E13" s="175">
        <v>244084</v>
      </c>
      <c r="F13" s="176">
        <v>107.33681847232918</v>
      </c>
      <c r="G13" s="176">
        <v>107.27303893039091</v>
      </c>
      <c r="H13" s="176">
        <v>107.14271827672688</v>
      </c>
      <c r="I13" s="177">
        <v>104.33985330073349</v>
      </c>
    </row>
    <row r="14" spans="1:9" ht="22.5" customHeight="1">
      <c r="A14" s="180" t="s">
        <v>114</v>
      </c>
      <c r="B14" s="181"/>
      <c r="C14" s="173">
        <v>570638</v>
      </c>
      <c r="D14" s="174">
        <v>293273</v>
      </c>
      <c r="E14" s="175">
        <v>277365</v>
      </c>
      <c r="F14" s="176">
        <v>105.73540280857354</v>
      </c>
      <c r="G14" s="176">
        <v>105.68728753065567</v>
      </c>
      <c r="H14" s="176">
        <v>105.88705978112789</v>
      </c>
      <c r="I14" s="177">
        <v>102.78528934559222</v>
      </c>
    </row>
    <row r="15" spans="1:9" ht="22.5" customHeight="1">
      <c r="A15" s="180" t="s">
        <v>115</v>
      </c>
      <c r="B15" s="181"/>
      <c r="C15" s="173">
        <v>662764</v>
      </c>
      <c r="D15" s="174">
        <v>340280</v>
      </c>
      <c r="E15" s="175">
        <v>322484</v>
      </c>
      <c r="F15" s="176">
        <v>105.51841331662966</v>
      </c>
      <c r="G15" s="176">
        <v>105.46871750999578</v>
      </c>
      <c r="H15" s="176">
        <v>105.55486092956114</v>
      </c>
      <c r="I15" s="177">
        <v>102.65195963388875</v>
      </c>
    </row>
    <row r="16" spans="1:9" ht="22.5" customHeight="1">
      <c r="A16" s="180" t="s">
        <v>116</v>
      </c>
      <c r="B16" s="181"/>
      <c r="C16" s="173">
        <v>783639</v>
      </c>
      <c r="D16" s="174">
        <v>400483</v>
      </c>
      <c r="E16" s="175">
        <v>383156</v>
      </c>
      <c r="F16" s="176">
        <v>104.52217895583</v>
      </c>
      <c r="G16" s="176">
        <v>104.97811213924348</v>
      </c>
      <c r="H16" s="176">
        <v>105.88156845381778</v>
      </c>
      <c r="I16" s="177">
        <v>102.26290886648837</v>
      </c>
    </row>
    <row r="17" spans="1:10" ht="22.5" customHeight="1">
      <c r="A17" s="180" t="s">
        <v>117</v>
      </c>
      <c r="B17" s="181"/>
      <c r="C17" s="173">
        <v>703176</v>
      </c>
      <c r="D17" s="174">
        <v>365258</v>
      </c>
      <c r="E17" s="175">
        <v>337918</v>
      </c>
      <c r="F17" s="176">
        <v>108.09072023390289</v>
      </c>
      <c r="G17" s="176">
        <v>108.75495507095754</v>
      </c>
      <c r="H17" s="176">
        <v>109.04753224408606</v>
      </c>
      <c r="I17" s="177">
        <v>101.21694359934472</v>
      </c>
      <c r="J17" s="177"/>
    </row>
    <row r="18" spans="1:10" ht="22.5" customHeight="1">
      <c r="A18" s="180" t="s">
        <v>118</v>
      </c>
      <c r="B18" s="181"/>
      <c r="C18" s="173">
        <v>574414</v>
      </c>
      <c r="D18" s="174">
        <v>297538</v>
      </c>
      <c r="E18" s="175">
        <v>276876</v>
      </c>
      <c r="F18" s="176">
        <v>107.46254641066758</v>
      </c>
      <c r="G18" s="176">
        <v>107.14326051027592</v>
      </c>
      <c r="H18" s="176">
        <v>106.41926437778879</v>
      </c>
      <c r="I18" s="177">
        <v>99.819680577022154</v>
      </c>
      <c r="J18" s="177"/>
    </row>
    <row r="19" spans="1:10" ht="22.5" customHeight="1">
      <c r="A19" s="180" t="s">
        <v>119</v>
      </c>
      <c r="B19" s="181"/>
      <c r="C19" s="173">
        <v>485502</v>
      </c>
      <c r="D19" s="174">
        <v>245973</v>
      </c>
      <c r="E19" s="175">
        <v>239529</v>
      </c>
      <c r="F19" s="176">
        <v>102.69027967385995</v>
      </c>
      <c r="G19" s="176">
        <v>101.59664005599906</v>
      </c>
      <c r="H19" s="176">
        <v>100.74928310605904</v>
      </c>
      <c r="I19" s="177">
        <v>97.495386237806485</v>
      </c>
      <c r="J19" s="177"/>
    </row>
    <row r="20" spans="1:10" ht="22.5" customHeight="1">
      <c r="A20" s="180" t="s">
        <v>120</v>
      </c>
      <c r="B20" s="181"/>
      <c r="C20" s="173">
        <v>536795</v>
      </c>
      <c r="D20" s="174">
        <v>262657</v>
      </c>
      <c r="E20" s="175">
        <v>274138</v>
      </c>
      <c r="F20" s="176">
        <v>95.811963317745068</v>
      </c>
      <c r="G20" s="176">
        <v>95.099885158774669</v>
      </c>
      <c r="H20" s="176">
        <v>94.561320183648562</v>
      </c>
      <c r="I20" s="177">
        <v>93.966885915173506</v>
      </c>
      <c r="J20" s="177"/>
    </row>
    <row r="21" spans="1:10" ht="22.5" customHeight="1">
      <c r="A21" s="180" t="s">
        <v>121</v>
      </c>
      <c r="B21" s="181"/>
      <c r="C21" s="173">
        <v>583820</v>
      </c>
      <c r="D21" s="174">
        <v>275416</v>
      </c>
      <c r="E21" s="175">
        <v>308404</v>
      </c>
      <c r="F21" s="176">
        <v>89.303640679109222</v>
      </c>
      <c r="G21" s="176">
        <v>89.098319073089854</v>
      </c>
      <c r="H21" s="176">
        <v>88.97001736282661</v>
      </c>
      <c r="I21" s="177">
        <v>89.212328767123282</v>
      </c>
      <c r="J21" s="177"/>
    </row>
    <row r="22" spans="1:10" ht="22.5" customHeight="1">
      <c r="A22" s="180" t="s">
        <v>122</v>
      </c>
      <c r="B22" s="181"/>
      <c r="C22" s="173">
        <v>498335</v>
      </c>
      <c r="D22" s="174">
        <v>225941</v>
      </c>
      <c r="E22" s="175">
        <v>272394</v>
      </c>
      <c r="F22" s="176">
        <v>82.946393826589428</v>
      </c>
      <c r="G22" s="176">
        <v>83.715067950665798</v>
      </c>
      <c r="H22" s="176">
        <v>84.594663463288555</v>
      </c>
      <c r="I22" s="177">
        <v>80.73944541593805</v>
      </c>
      <c r="J22" s="177"/>
    </row>
    <row r="23" spans="1:10" ht="22.5" customHeight="1">
      <c r="A23" s="180" t="s">
        <v>123</v>
      </c>
      <c r="B23" s="181"/>
      <c r="C23" s="173">
        <v>347805</v>
      </c>
      <c r="D23" s="174">
        <v>150438</v>
      </c>
      <c r="E23" s="175">
        <v>197367</v>
      </c>
      <c r="F23" s="176">
        <v>76.222468801775378</v>
      </c>
      <c r="G23" s="176">
        <v>75.542215437162014</v>
      </c>
      <c r="H23" s="176">
        <v>74.683225776011668</v>
      </c>
      <c r="I23" s="177">
        <v>70.385718839655723</v>
      </c>
      <c r="J23" s="177"/>
    </row>
    <row r="24" spans="1:10" ht="22.5" customHeight="1">
      <c r="A24" s="180" t="s">
        <v>124</v>
      </c>
      <c r="B24" s="181"/>
      <c r="C24" s="173">
        <v>214991</v>
      </c>
      <c r="D24" s="174">
        <v>80027</v>
      </c>
      <c r="E24" s="175">
        <v>134964</v>
      </c>
      <c r="F24" s="176">
        <v>59.295071278266796</v>
      </c>
      <c r="G24" s="176">
        <v>58.394526936767896</v>
      </c>
      <c r="H24" s="176">
        <v>57.008608263610959</v>
      </c>
      <c r="I24" s="177">
        <v>54.72020504058095</v>
      </c>
      <c r="J24" s="177"/>
    </row>
    <row r="25" spans="1:10" ht="22.5" customHeight="1">
      <c r="A25" s="180" t="s">
        <v>125</v>
      </c>
      <c r="B25" s="181"/>
      <c r="C25" s="173">
        <v>98279</v>
      </c>
      <c r="D25" s="174">
        <v>28942</v>
      </c>
      <c r="E25" s="175">
        <v>69337</v>
      </c>
      <c r="F25" s="176">
        <v>41.741061770771736</v>
      </c>
      <c r="G25" s="176">
        <v>40.592767867977187</v>
      </c>
      <c r="H25" s="176">
        <v>39.990251827782295</v>
      </c>
      <c r="I25" s="177">
        <v>37.86936236391913</v>
      </c>
      <c r="J25" s="177"/>
    </row>
    <row r="26" spans="1:10" ht="22.5" customHeight="1">
      <c r="A26" s="180" t="s">
        <v>126</v>
      </c>
      <c r="B26" s="181"/>
      <c r="C26" s="173">
        <v>26895</v>
      </c>
      <c r="D26" s="174">
        <v>5362</v>
      </c>
      <c r="E26" s="175">
        <v>21533</v>
      </c>
      <c r="F26" s="176">
        <v>24.901314261830677</v>
      </c>
      <c r="G26" s="176">
        <v>24.356315443370935</v>
      </c>
      <c r="H26" s="176">
        <v>22.948055480010879</v>
      </c>
      <c r="I26" s="177">
        <v>22.613065326633166</v>
      </c>
      <c r="J26" s="184"/>
    </row>
    <row r="27" spans="1:10" ht="22.5" customHeight="1">
      <c r="A27" s="1224" t="s">
        <v>127</v>
      </c>
      <c r="B27" s="1225"/>
      <c r="C27" s="173">
        <v>4777</v>
      </c>
      <c r="D27" s="185">
        <v>707</v>
      </c>
      <c r="E27" s="186">
        <v>4070</v>
      </c>
      <c r="F27" s="176">
        <v>17.371007371007373</v>
      </c>
      <c r="G27" s="176">
        <v>17.410951621477938</v>
      </c>
      <c r="H27" s="176">
        <v>16.932996916176059</v>
      </c>
      <c r="I27" s="177">
        <v>14.516129032258066</v>
      </c>
    </row>
    <row r="28" spans="1:10" ht="22.5" customHeight="1">
      <c r="A28" s="1210" t="s">
        <v>128</v>
      </c>
      <c r="B28" s="1211"/>
      <c r="C28" s="173">
        <v>82926</v>
      </c>
      <c r="D28" s="187">
        <v>49370</v>
      </c>
      <c r="E28" s="187">
        <v>33556</v>
      </c>
      <c r="F28" s="188">
        <v>147.12719036833951</v>
      </c>
      <c r="G28" s="189">
        <v>147.12719036833951</v>
      </c>
      <c r="H28" s="189">
        <v>147.12719036833951</v>
      </c>
      <c r="I28" s="190" t="s">
        <v>129</v>
      </c>
    </row>
    <row r="29" spans="1:10" ht="22.5" customHeight="1">
      <c r="A29" s="191" t="s">
        <v>130</v>
      </c>
      <c r="B29" s="192" t="s">
        <v>107</v>
      </c>
      <c r="C29" s="193">
        <v>1094402</v>
      </c>
      <c r="D29" s="194">
        <v>560363</v>
      </c>
      <c r="E29" s="194">
        <v>534039</v>
      </c>
      <c r="F29" s="195">
        <v>104.9292280151824</v>
      </c>
      <c r="G29" s="195">
        <v>104.93694267869947</v>
      </c>
      <c r="H29" s="195">
        <v>104.89361311860304</v>
      </c>
      <c r="I29" s="196">
        <v>104.97566252028123</v>
      </c>
    </row>
    <row r="30" spans="1:10" ht="22.5" customHeight="1">
      <c r="A30" s="197" t="s">
        <v>131</v>
      </c>
      <c r="B30" s="198" t="s">
        <v>107</v>
      </c>
      <c r="C30" s="199">
        <v>5712800</v>
      </c>
      <c r="D30" s="194">
        <v>2946588</v>
      </c>
      <c r="E30" s="194">
        <v>2766212</v>
      </c>
      <c r="F30" s="176">
        <v>106.52068605009306</v>
      </c>
      <c r="G30" s="176">
        <v>106.4716421800176</v>
      </c>
      <c r="H30" s="176">
        <v>106.44964894760294</v>
      </c>
      <c r="I30" s="200">
        <v>102.60218020503665</v>
      </c>
    </row>
    <row r="31" spans="1:10" ht="22.5" customHeight="1" thickBot="1">
      <c r="A31" s="1226" t="s">
        <v>132</v>
      </c>
      <c r="B31" s="1227"/>
      <c r="C31" s="201">
        <v>2311697</v>
      </c>
      <c r="D31" s="202">
        <v>1029490</v>
      </c>
      <c r="E31" s="202">
        <v>1282207</v>
      </c>
      <c r="F31" s="203">
        <v>80.290467919766456</v>
      </c>
      <c r="G31" s="203">
        <v>80.455795386528649</v>
      </c>
      <c r="H31" s="203">
        <v>80.609602485981185</v>
      </c>
      <c r="I31" s="204">
        <v>76.906790093062199</v>
      </c>
    </row>
    <row r="32" spans="1:10" ht="22.5" customHeight="1" thickTop="1">
      <c r="C32" s="205"/>
    </row>
    <row r="33" spans="1:9" s="155" customFormat="1" ht="22.5" customHeight="1" thickBot="1">
      <c r="A33" s="206" t="s">
        <v>133</v>
      </c>
      <c r="B33" s="207"/>
      <c r="C33" s="208"/>
      <c r="D33" s="208"/>
      <c r="E33" s="208"/>
      <c r="F33" s="208"/>
      <c r="G33" s="208"/>
      <c r="H33" s="208"/>
      <c r="I33" s="208"/>
    </row>
    <row r="34" spans="1:9" ht="22.5" customHeight="1" thickTop="1">
      <c r="A34" s="1228" t="s">
        <v>134</v>
      </c>
      <c r="B34" s="1229"/>
      <c r="C34" s="1230" t="s">
        <v>135</v>
      </c>
      <c r="D34" s="209" t="s">
        <v>136</v>
      </c>
      <c r="E34" s="209" t="s">
        <v>137</v>
      </c>
      <c r="F34" s="209" t="s">
        <v>138</v>
      </c>
      <c r="G34" s="1232" t="s">
        <v>139</v>
      </c>
      <c r="H34" s="1232"/>
      <c r="I34" s="1233"/>
    </row>
    <row r="35" spans="1:9" ht="22.5" customHeight="1">
      <c r="A35" s="1234" t="s">
        <v>140</v>
      </c>
      <c r="B35" s="1235"/>
      <c r="C35" s="1231"/>
      <c r="D35" s="163" t="s">
        <v>141</v>
      </c>
      <c r="E35" s="163" t="s">
        <v>142</v>
      </c>
      <c r="F35" s="163" t="s">
        <v>143</v>
      </c>
      <c r="G35" s="163" t="s">
        <v>135</v>
      </c>
      <c r="H35" s="163" t="s">
        <v>136</v>
      </c>
      <c r="I35" s="210" t="s">
        <v>137</v>
      </c>
    </row>
    <row r="36" spans="1:9" ht="22.5" customHeight="1">
      <c r="A36" s="211"/>
      <c r="B36" s="212"/>
      <c r="C36" s="213" t="s">
        <v>107</v>
      </c>
      <c r="D36" s="214" t="s">
        <v>107</v>
      </c>
      <c r="E36" s="197" t="s">
        <v>107</v>
      </c>
      <c r="F36" s="214" t="s">
        <v>107</v>
      </c>
      <c r="G36" s="197" t="s">
        <v>107</v>
      </c>
      <c r="H36" s="214" t="s">
        <v>107</v>
      </c>
      <c r="I36" s="197" t="s">
        <v>107</v>
      </c>
    </row>
    <row r="37" spans="1:9" ht="22.5" customHeight="1">
      <c r="A37" s="197" t="s">
        <v>144</v>
      </c>
      <c r="B37" s="198" t="s">
        <v>145</v>
      </c>
      <c r="C37" s="215">
        <v>46.17</v>
      </c>
      <c r="D37" s="215">
        <v>44.89</v>
      </c>
      <c r="E37" s="216">
        <v>47.44</v>
      </c>
      <c r="F37" s="215">
        <v>2.5499999999999972</v>
      </c>
      <c r="G37" s="215">
        <v>0.26000000000000512</v>
      </c>
      <c r="H37" s="215">
        <v>0.25</v>
      </c>
      <c r="I37" s="216">
        <v>0.28000000000000114</v>
      </c>
    </row>
    <row r="38" spans="1:9" ht="22.5" customHeight="1">
      <c r="A38" s="197"/>
      <c r="B38" s="198"/>
      <c r="C38" s="215"/>
      <c r="D38" s="215"/>
      <c r="E38" s="216"/>
      <c r="F38" s="215" t="s">
        <v>146</v>
      </c>
      <c r="G38" s="215"/>
      <c r="H38" s="215"/>
      <c r="I38" s="216"/>
    </row>
    <row r="39" spans="1:9" ht="22.5" customHeight="1">
      <c r="A39" s="197" t="s">
        <v>147</v>
      </c>
      <c r="B39" s="198" t="s">
        <v>145</v>
      </c>
      <c r="C39" s="215">
        <v>45.91</v>
      </c>
      <c r="D39" s="215">
        <v>44.64</v>
      </c>
      <c r="E39" s="216">
        <v>47.16</v>
      </c>
      <c r="F39" s="215">
        <v>2.519999999999996</v>
      </c>
      <c r="G39" s="215">
        <v>0.26999999999999602</v>
      </c>
      <c r="H39" s="215">
        <v>0.25</v>
      </c>
      <c r="I39" s="216">
        <v>0.27999999999999403</v>
      </c>
    </row>
    <row r="40" spans="1:9" ht="22.5" customHeight="1">
      <c r="A40" s="197">
        <v>30</v>
      </c>
      <c r="B40" s="198" t="s">
        <v>145</v>
      </c>
      <c r="C40" s="215">
        <v>45.64</v>
      </c>
      <c r="D40" s="215">
        <v>44.39</v>
      </c>
      <c r="E40" s="216">
        <v>46.88</v>
      </c>
      <c r="F40" s="215">
        <v>2.490000000000002</v>
      </c>
      <c r="G40" s="215">
        <v>0.28000000000000114</v>
      </c>
      <c r="H40" s="215">
        <v>0.27000000000000313</v>
      </c>
      <c r="I40" s="216">
        <v>0.30000000000000426</v>
      </c>
    </row>
    <row r="41" spans="1:9" ht="22.5" customHeight="1">
      <c r="A41" s="197">
        <v>29</v>
      </c>
      <c r="B41" s="198" t="s">
        <v>145</v>
      </c>
      <c r="C41" s="215">
        <v>45.36</v>
      </c>
      <c r="D41" s="215">
        <v>44.12</v>
      </c>
      <c r="E41" s="216">
        <v>46.58</v>
      </c>
      <c r="F41" s="215">
        <v>2.4600000000000009</v>
      </c>
      <c r="G41" s="215">
        <v>0.28999999999999915</v>
      </c>
      <c r="H41" s="215">
        <v>0.26999999999999602</v>
      </c>
      <c r="I41" s="216">
        <v>0.28999999999999915</v>
      </c>
    </row>
    <row r="42" spans="1:9" ht="22.5" customHeight="1">
      <c r="A42" s="197">
        <v>28</v>
      </c>
      <c r="B42" s="198" t="s">
        <v>145</v>
      </c>
      <c r="C42" s="215">
        <v>45.07</v>
      </c>
      <c r="D42" s="215">
        <v>43.85</v>
      </c>
      <c r="E42" s="216">
        <v>46.29</v>
      </c>
      <c r="F42" s="215">
        <v>2.4399999999999977</v>
      </c>
      <c r="G42" s="215">
        <v>0.31000000000000227</v>
      </c>
      <c r="H42" s="215">
        <v>0.31000000000000227</v>
      </c>
      <c r="I42" s="216">
        <v>0.32000000000000028</v>
      </c>
    </row>
    <row r="43" spans="1:9" ht="22.5" customHeight="1">
      <c r="A43" s="197">
        <v>27</v>
      </c>
      <c r="B43" s="198" t="s">
        <v>145</v>
      </c>
      <c r="C43" s="215">
        <v>44.76</v>
      </c>
      <c r="D43" s="215">
        <v>43.54</v>
      </c>
      <c r="E43" s="216">
        <v>45.97</v>
      </c>
      <c r="F43" s="215">
        <v>2.4299999999999997</v>
      </c>
      <c r="G43" s="215">
        <v>0.30999999999999517</v>
      </c>
      <c r="H43" s="215">
        <v>0.28999999999999915</v>
      </c>
      <c r="I43" s="216">
        <v>0.32000000000000028</v>
      </c>
    </row>
    <row r="44" spans="1:9" ht="22.5" customHeight="1">
      <c r="A44" s="197">
        <v>26</v>
      </c>
      <c r="B44" s="198" t="s">
        <v>145</v>
      </c>
      <c r="C44" s="215">
        <v>44.45</v>
      </c>
      <c r="D44" s="215">
        <v>43.25</v>
      </c>
      <c r="E44" s="216">
        <v>45.65</v>
      </c>
      <c r="F44" s="215">
        <v>2.3999999999999986</v>
      </c>
      <c r="G44" s="215">
        <v>0.31000000000000227</v>
      </c>
      <c r="H44" s="215">
        <v>0.29999999999999716</v>
      </c>
      <c r="I44" s="216">
        <v>0.32999999999999829</v>
      </c>
    </row>
    <row r="45" spans="1:9" ht="22.5" customHeight="1">
      <c r="A45" s="197">
        <v>25</v>
      </c>
      <c r="B45" s="198" t="s">
        <v>145</v>
      </c>
      <c r="C45" s="215">
        <v>44.14</v>
      </c>
      <c r="D45" s="215">
        <v>42.95</v>
      </c>
      <c r="E45" s="216">
        <v>45.32</v>
      </c>
      <c r="F45" s="215">
        <v>2.3699999999999974</v>
      </c>
      <c r="G45" s="215">
        <v>0.32000000000000028</v>
      </c>
      <c r="H45" s="215">
        <v>0.30000000000000426</v>
      </c>
      <c r="I45" s="216">
        <v>0.32999999999999829</v>
      </c>
    </row>
    <row r="46" spans="1:9" ht="22.5" customHeight="1">
      <c r="A46" s="197">
        <v>24</v>
      </c>
      <c r="B46" s="198" t="s">
        <v>148</v>
      </c>
      <c r="C46" s="215">
        <v>43.82</v>
      </c>
      <c r="D46" s="215">
        <v>42.65</v>
      </c>
      <c r="E46" s="216">
        <v>44.99</v>
      </c>
      <c r="F46" s="215">
        <v>2.3400000000000034</v>
      </c>
      <c r="G46" s="215">
        <v>0.32999999999999829</v>
      </c>
      <c r="H46" s="215">
        <v>0.32000000000000028</v>
      </c>
      <c r="I46" s="216">
        <v>0.34000000000000341</v>
      </c>
    </row>
    <row r="47" spans="1:9" ht="22.5" customHeight="1">
      <c r="A47" s="197">
        <v>23</v>
      </c>
      <c r="B47" s="198" t="s">
        <v>148</v>
      </c>
      <c r="C47" s="215">
        <v>43.49</v>
      </c>
      <c r="D47" s="215">
        <v>42.33</v>
      </c>
      <c r="E47" s="216">
        <v>44.65</v>
      </c>
      <c r="F47" s="215">
        <v>2.3200000000000003</v>
      </c>
      <c r="G47" s="215">
        <v>0.37000000000000455</v>
      </c>
      <c r="H47" s="215">
        <v>0.32999999999999829</v>
      </c>
      <c r="I47" s="216">
        <v>0.39999999999999858</v>
      </c>
    </row>
    <row r="48" spans="1:9" ht="22.5" customHeight="1">
      <c r="A48" s="197">
        <v>22</v>
      </c>
      <c r="B48" s="198" t="s">
        <v>148</v>
      </c>
      <c r="C48" s="215">
        <v>43.12</v>
      </c>
      <c r="D48" s="215">
        <v>42</v>
      </c>
      <c r="E48" s="216">
        <v>44.25</v>
      </c>
      <c r="F48" s="215">
        <v>2.25</v>
      </c>
      <c r="G48" s="215">
        <v>0.30999999999999517</v>
      </c>
      <c r="H48" s="215">
        <v>0.29999999999999716</v>
      </c>
      <c r="I48" s="217">
        <v>0.32000000000000028</v>
      </c>
    </row>
    <row r="49" spans="1:10" ht="22.5" customHeight="1" thickBot="1">
      <c r="A49" s="218">
        <v>21</v>
      </c>
      <c r="B49" s="219" t="s">
        <v>148</v>
      </c>
      <c r="C49" s="220">
        <v>42.81</v>
      </c>
      <c r="D49" s="220">
        <v>41.7</v>
      </c>
      <c r="E49" s="221">
        <v>43.93</v>
      </c>
      <c r="F49" s="220">
        <v>2.2299999999999969</v>
      </c>
      <c r="G49" s="220">
        <v>0.30000000000000426</v>
      </c>
      <c r="H49" s="220">
        <v>0.28000000000000114</v>
      </c>
      <c r="I49" s="222">
        <v>0.31000000000000227</v>
      </c>
      <c r="J49" s="211"/>
    </row>
    <row r="50" spans="1:10" ht="14.25" thickTop="1">
      <c r="F50" s="223"/>
      <c r="G50" s="223"/>
      <c r="H50" s="223"/>
      <c r="I50" s="223"/>
    </row>
  </sheetData>
  <mergeCells count="11">
    <mergeCell ref="A31:B31"/>
    <mergeCell ref="A34:B34"/>
    <mergeCell ref="C34:C35"/>
    <mergeCell ref="G34:I34"/>
    <mergeCell ref="A35:B35"/>
    <mergeCell ref="A28:B28"/>
    <mergeCell ref="A2:B4"/>
    <mergeCell ref="C2:H2"/>
    <mergeCell ref="C3:F3"/>
    <mergeCell ref="A6:B6"/>
    <mergeCell ref="A27:B27"/>
  </mergeCells>
  <phoneticPr fontId="2"/>
  <printOptions horizontalCentered="1" gridLinesSet="0"/>
  <pageMargins left="0.98425196850393704" right="0.78740157480314965" top="0.78740157480314965" bottom="0.9055118110236221" header="0.51181102362204722" footer="0.19685039370078741"/>
  <pageSetup paperSize="9" scale="71" firstPageNumber="9" pageOrder="overThenDown" orientation="portrait" blackAndWhite="1" r:id="rId1"/>
  <headerFooter scaleWithDoc="0" alignWithMargins="0">
    <oddFooter>&amp;C&amp;"ＭＳ Ｐゴシック,太字"&amp;11-11-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3"/>
  <sheetViews>
    <sheetView zoomScaleNormal="100" workbookViewId="0"/>
  </sheetViews>
  <sheetFormatPr defaultRowHeight="13.5"/>
  <cols>
    <col min="1" max="1" width="2.25" style="165" customWidth="1"/>
    <col min="2" max="2" width="13.25" style="165" customWidth="1"/>
    <col min="3" max="3" width="8.75" style="165" customWidth="1"/>
    <col min="4" max="6" width="8.875" style="165" customWidth="1"/>
    <col min="7" max="8" width="8.25" style="165" customWidth="1"/>
    <col min="9" max="9" width="9.125" style="165" customWidth="1"/>
    <col min="10" max="11" width="8.875" style="165" customWidth="1"/>
    <col min="12" max="12" width="9" style="165"/>
    <col min="13" max="14" width="8.75" style="165" customWidth="1"/>
    <col min="15" max="16384" width="9" style="165"/>
  </cols>
  <sheetData>
    <row r="1" spans="1:14" ht="17.25">
      <c r="A1" s="352" t="s">
        <v>914</v>
      </c>
    </row>
    <row r="2" spans="1:14" ht="15" customHeight="1" thickBot="1">
      <c r="A2" s="524" t="s">
        <v>915</v>
      </c>
      <c r="B2" s="211"/>
      <c r="C2" s="211"/>
      <c r="D2" s="211"/>
      <c r="E2" s="211"/>
      <c r="F2" s="211"/>
      <c r="G2" s="211"/>
      <c r="H2" s="211"/>
      <c r="I2" s="211"/>
      <c r="J2" s="951"/>
      <c r="K2" s="211"/>
      <c r="L2" s="951" t="s">
        <v>904</v>
      </c>
    </row>
    <row r="3" spans="1:14" ht="14.25" thickTop="1">
      <c r="A3" s="902"/>
      <c r="B3" s="902"/>
      <c r="C3" s="1331" t="s">
        <v>905</v>
      </c>
      <c r="D3" s="1332"/>
      <c r="E3" s="1333"/>
      <c r="F3" s="1334" t="s">
        <v>906</v>
      </c>
      <c r="G3" s="1335"/>
      <c r="H3" s="1336"/>
      <c r="I3" s="1334" t="s">
        <v>350</v>
      </c>
      <c r="J3" s="1335"/>
      <c r="K3" s="1336"/>
      <c r="L3" s="1334" t="s">
        <v>351</v>
      </c>
      <c r="M3" s="1335"/>
      <c r="N3" s="1335"/>
    </row>
    <row r="4" spans="1:14">
      <c r="A4" s="1210" t="s">
        <v>907</v>
      </c>
      <c r="B4" s="1211"/>
      <c r="C4" s="904" t="s">
        <v>214</v>
      </c>
      <c r="D4" s="904" t="s">
        <v>556</v>
      </c>
      <c r="E4" s="905" t="s">
        <v>557</v>
      </c>
      <c r="F4" s="903" t="s">
        <v>214</v>
      </c>
      <c r="G4" s="904" t="s">
        <v>556</v>
      </c>
      <c r="H4" s="904" t="s">
        <v>557</v>
      </c>
      <c r="I4" s="969" t="s">
        <v>214</v>
      </c>
      <c r="J4" s="969" t="s">
        <v>556</v>
      </c>
      <c r="K4" s="970" t="s">
        <v>557</v>
      </c>
      <c r="L4" s="903" t="s">
        <v>214</v>
      </c>
      <c r="M4" s="904" t="s">
        <v>556</v>
      </c>
      <c r="N4" s="904" t="s">
        <v>557</v>
      </c>
    </row>
    <row r="5" spans="1:14" s="524" customFormat="1" ht="20.100000000000001" customHeight="1">
      <c r="A5" s="906"/>
      <c r="B5" s="971" t="s">
        <v>916</v>
      </c>
      <c r="C5" s="940">
        <v>514781</v>
      </c>
      <c r="D5" s="939">
        <v>275610</v>
      </c>
      <c r="E5" s="941">
        <v>239171</v>
      </c>
      <c r="F5" s="938">
        <v>47968</v>
      </c>
      <c r="G5" s="939">
        <v>24583</v>
      </c>
      <c r="H5" s="939">
        <v>23385</v>
      </c>
      <c r="I5" s="939">
        <v>434962</v>
      </c>
      <c r="J5" s="939">
        <v>237484</v>
      </c>
      <c r="K5" s="939">
        <v>197478</v>
      </c>
      <c r="L5" s="938">
        <v>31851</v>
      </c>
      <c r="M5" s="939">
        <v>13543</v>
      </c>
      <c r="N5" s="938">
        <v>18308</v>
      </c>
    </row>
    <row r="6" spans="1:14" s="911" customFormat="1" ht="20.100000000000001" customHeight="1">
      <c r="A6" s="1337" t="s">
        <v>845</v>
      </c>
      <c r="B6" s="1338"/>
      <c r="C6" s="940">
        <v>226883</v>
      </c>
      <c r="D6" s="939">
        <v>120455</v>
      </c>
      <c r="E6" s="941">
        <v>106428</v>
      </c>
      <c r="F6" s="938">
        <v>21744</v>
      </c>
      <c r="G6" s="939">
        <v>11144</v>
      </c>
      <c r="H6" s="939">
        <v>10600</v>
      </c>
      <c r="I6" s="939">
        <v>190959</v>
      </c>
      <c r="J6" s="939">
        <v>103352</v>
      </c>
      <c r="K6" s="941">
        <v>87607</v>
      </c>
      <c r="L6" s="938">
        <v>14180</v>
      </c>
      <c r="M6" s="939">
        <v>5959</v>
      </c>
      <c r="N6" s="938">
        <v>8221</v>
      </c>
    </row>
    <row r="7" spans="1:14">
      <c r="A7" s="912"/>
      <c r="B7" s="954" t="s">
        <v>846</v>
      </c>
      <c r="C7" s="918">
        <v>20064</v>
      </c>
      <c r="D7" s="917">
        <v>11268</v>
      </c>
      <c r="E7" s="972">
        <v>8796</v>
      </c>
      <c r="F7" s="973">
        <v>1446</v>
      </c>
      <c r="G7" s="917">
        <v>758</v>
      </c>
      <c r="H7" s="917">
        <v>688</v>
      </c>
      <c r="I7" s="917">
        <v>17871</v>
      </c>
      <c r="J7" s="917">
        <v>10183</v>
      </c>
      <c r="K7" s="917">
        <v>7688</v>
      </c>
      <c r="L7" s="973">
        <v>747</v>
      </c>
      <c r="M7" s="917">
        <v>327</v>
      </c>
      <c r="N7" s="918">
        <v>420</v>
      </c>
    </row>
    <row r="8" spans="1:14">
      <c r="A8" s="912"/>
      <c r="B8" s="954" t="s">
        <v>847</v>
      </c>
      <c r="C8" s="918">
        <v>18730</v>
      </c>
      <c r="D8" s="917">
        <v>10063</v>
      </c>
      <c r="E8" s="972">
        <v>8667</v>
      </c>
      <c r="F8" s="973">
        <v>1348</v>
      </c>
      <c r="G8" s="917">
        <v>668</v>
      </c>
      <c r="H8" s="917">
        <v>680</v>
      </c>
      <c r="I8" s="917">
        <v>16688</v>
      </c>
      <c r="J8" s="917">
        <v>9105</v>
      </c>
      <c r="K8" s="917">
        <v>7583</v>
      </c>
      <c r="L8" s="973">
        <v>694</v>
      </c>
      <c r="M8" s="917">
        <v>290</v>
      </c>
      <c r="N8" s="918">
        <v>404</v>
      </c>
    </row>
    <row r="9" spans="1:14">
      <c r="A9" s="912"/>
      <c r="B9" s="954" t="s">
        <v>848</v>
      </c>
      <c r="C9" s="918">
        <v>10220</v>
      </c>
      <c r="D9" s="917">
        <v>5595</v>
      </c>
      <c r="E9" s="972">
        <v>4625</v>
      </c>
      <c r="F9" s="973">
        <v>730</v>
      </c>
      <c r="G9" s="917">
        <v>386</v>
      </c>
      <c r="H9" s="917">
        <v>344</v>
      </c>
      <c r="I9" s="917">
        <v>9088</v>
      </c>
      <c r="J9" s="917">
        <v>5032</v>
      </c>
      <c r="K9" s="917">
        <v>4056</v>
      </c>
      <c r="L9" s="973">
        <v>402</v>
      </c>
      <c r="M9" s="917">
        <v>177</v>
      </c>
      <c r="N9" s="918">
        <v>225</v>
      </c>
    </row>
    <row r="10" spans="1:14">
      <c r="A10" s="912"/>
      <c r="B10" s="957" t="s">
        <v>849</v>
      </c>
      <c r="C10" s="918">
        <v>14015</v>
      </c>
      <c r="D10" s="917">
        <v>7967</v>
      </c>
      <c r="E10" s="972">
        <v>6048</v>
      </c>
      <c r="F10" s="973">
        <v>1322</v>
      </c>
      <c r="G10" s="917">
        <v>669</v>
      </c>
      <c r="H10" s="917">
        <v>653</v>
      </c>
      <c r="I10" s="917">
        <v>11695</v>
      </c>
      <c r="J10" s="917">
        <v>6721</v>
      </c>
      <c r="K10" s="917">
        <v>4974</v>
      </c>
      <c r="L10" s="973">
        <v>998</v>
      </c>
      <c r="M10" s="917">
        <v>577</v>
      </c>
      <c r="N10" s="918">
        <v>421</v>
      </c>
    </row>
    <row r="11" spans="1:14">
      <c r="A11" s="912"/>
      <c r="B11" s="957" t="s">
        <v>850</v>
      </c>
      <c r="C11" s="918">
        <v>13789</v>
      </c>
      <c r="D11" s="917">
        <v>7378</v>
      </c>
      <c r="E11" s="972">
        <v>6411</v>
      </c>
      <c r="F11" s="973">
        <v>1018</v>
      </c>
      <c r="G11" s="917">
        <v>542</v>
      </c>
      <c r="H11" s="917">
        <v>476</v>
      </c>
      <c r="I11" s="917">
        <v>12004</v>
      </c>
      <c r="J11" s="917">
        <v>6475</v>
      </c>
      <c r="K11" s="917">
        <v>5529</v>
      </c>
      <c r="L11" s="973">
        <v>767</v>
      </c>
      <c r="M11" s="917">
        <v>361</v>
      </c>
      <c r="N11" s="918">
        <v>406</v>
      </c>
    </row>
    <row r="12" spans="1:14">
      <c r="A12" s="912"/>
      <c r="B12" s="957" t="s">
        <v>917</v>
      </c>
      <c r="C12" s="918">
        <v>12547</v>
      </c>
      <c r="D12" s="917">
        <v>6667</v>
      </c>
      <c r="E12" s="972">
        <v>5880</v>
      </c>
      <c r="F12" s="973">
        <v>1066</v>
      </c>
      <c r="G12" s="917">
        <v>548</v>
      </c>
      <c r="H12" s="917">
        <v>518</v>
      </c>
      <c r="I12" s="917">
        <v>10664</v>
      </c>
      <c r="J12" s="917">
        <v>5810</v>
      </c>
      <c r="K12" s="917">
        <v>4854</v>
      </c>
      <c r="L12" s="973">
        <v>817</v>
      </c>
      <c r="M12" s="917">
        <v>309</v>
      </c>
      <c r="N12" s="918">
        <v>508</v>
      </c>
    </row>
    <row r="13" spans="1:14">
      <c r="A13" s="912"/>
      <c r="B13" s="957" t="s">
        <v>852</v>
      </c>
      <c r="C13" s="918">
        <v>9916</v>
      </c>
      <c r="D13" s="917">
        <v>5378</v>
      </c>
      <c r="E13" s="972">
        <v>4538</v>
      </c>
      <c r="F13" s="973">
        <v>914</v>
      </c>
      <c r="G13" s="917">
        <v>460</v>
      </c>
      <c r="H13" s="917">
        <v>454</v>
      </c>
      <c r="I13" s="917">
        <v>8372</v>
      </c>
      <c r="J13" s="917">
        <v>4647</v>
      </c>
      <c r="K13" s="917">
        <v>3725</v>
      </c>
      <c r="L13" s="973">
        <v>630</v>
      </c>
      <c r="M13" s="917">
        <v>271</v>
      </c>
      <c r="N13" s="918">
        <v>359</v>
      </c>
    </row>
    <row r="14" spans="1:14">
      <c r="A14" s="912"/>
      <c r="B14" s="957" t="s">
        <v>853</v>
      </c>
      <c r="C14" s="918">
        <v>8691</v>
      </c>
      <c r="D14" s="917">
        <v>4630</v>
      </c>
      <c r="E14" s="972">
        <v>4061</v>
      </c>
      <c r="F14" s="973">
        <v>885</v>
      </c>
      <c r="G14" s="917">
        <v>454</v>
      </c>
      <c r="H14" s="917">
        <v>431</v>
      </c>
      <c r="I14" s="917">
        <v>7155</v>
      </c>
      <c r="J14" s="917">
        <v>3906</v>
      </c>
      <c r="K14" s="917">
        <v>3249</v>
      </c>
      <c r="L14" s="973">
        <v>651</v>
      </c>
      <c r="M14" s="917">
        <v>270</v>
      </c>
      <c r="N14" s="918">
        <v>381</v>
      </c>
    </row>
    <row r="15" spans="1:14">
      <c r="A15" s="912"/>
      <c r="B15" s="957" t="s">
        <v>854</v>
      </c>
      <c r="C15" s="918">
        <v>25052</v>
      </c>
      <c r="D15" s="917">
        <v>13047</v>
      </c>
      <c r="E15" s="972">
        <v>12005</v>
      </c>
      <c r="F15" s="973">
        <v>1682</v>
      </c>
      <c r="G15" s="917">
        <v>826</v>
      </c>
      <c r="H15" s="917">
        <v>856</v>
      </c>
      <c r="I15" s="917">
        <v>22399</v>
      </c>
      <c r="J15" s="917">
        <v>11811</v>
      </c>
      <c r="K15" s="917">
        <v>10588</v>
      </c>
      <c r="L15" s="973">
        <v>971</v>
      </c>
      <c r="M15" s="917">
        <v>410</v>
      </c>
      <c r="N15" s="918">
        <v>561</v>
      </c>
    </row>
    <row r="16" spans="1:14">
      <c r="A16" s="912"/>
      <c r="B16" s="957" t="s">
        <v>855</v>
      </c>
      <c r="C16" s="918">
        <v>14301</v>
      </c>
      <c r="D16" s="917">
        <v>7431</v>
      </c>
      <c r="E16" s="972">
        <v>6870</v>
      </c>
      <c r="F16" s="973">
        <v>1766</v>
      </c>
      <c r="G16" s="917">
        <v>901</v>
      </c>
      <c r="H16" s="917">
        <v>865</v>
      </c>
      <c r="I16" s="917">
        <v>11351</v>
      </c>
      <c r="J16" s="917">
        <v>6047</v>
      </c>
      <c r="K16" s="917">
        <v>5304</v>
      </c>
      <c r="L16" s="973">
        <v>1184</v>
      </c>
      <c r="M16" s="917">
        <v>483</v>
      </c>
      <c r="N16" s="918">
        <v>701</v>
      </c>
    </row>
    <row r="17" spans="1:14">
      <c r="A17" s="912"/>
      <c r="B17" s="957" t="s">
        <v>856</v>
      </c>
      <c r="C17" s="918">
        <v>10186</v>
      </c>
      <c r="D17" s="917">
        <v>5349</v>
      </c>
      <c r="E17" s="972">
        <v>4837</v>
      </c>
      <c r="F17" s="973">
        <v>1102</v>
      </c>
      <c r="G17" s="917">
        <v>579</v>
      </c>
      <c r="H17" s="917">
        <v>523</v>
      </c>
      <c r="I17" s="917">
        <v>8349</v>
      </c>
      <c r="J17" s="917">
        <v>4483</v>
      </c>
      <c r="K17" s="917">
        <v>3866</v>
      </c>
      <c r="L17" s="973">
        <v>735</v>
      </c>
      <c r="M17" s="917">
        <v>287</v>
      </c>
      <c r="N17" s="918">
        <v>448</v>
      </c>
    </row>
    <row r="18" spans="1:14">
      <c r="A18" s="912"/>
      <c r="B18" s="957" t="s">
        <v>857</v>
      </c>
      <c r="C18" s="918">
        <v>10587</v>
      </c>
      <c r="D18" s="917">
        <v>5502</v>
      </c>
      <c r="E18" s="972">
        <v>5085</v>
      </c>
      <c r="F18" s="973">
        <v>1133</v>
      </c>
      <c r="G18" s="917">
        <v>570</v>
      </c>
      <c r="H18" s="917">
        <v>563</v>
      </c>
      <c r="I18" s="917">
        <v>8454</v>
      </c>
      <c r="J18" s="917">
        <v>4536</v>
      </c>
      <c r="K18" s="917">
        <v>3918</v>
      </c>
      <c r="L18" s="973">
        <v>1000</v>
      </c>
      <c r="M18" s="917">
        <v>396</v>
      </c>
      <c r="N18" s="918">
        <v>604</v>
      </c>
    </row>
    <row r="19" spans="1:14">
      <c r="A19" s="912"/>
      <c r="B19" s="957" t="s">
        <v>858</v>
      </c>
      <c r="C19" s="918">
        <v>10656</v>
      </c>
      <c r="D19" s="917">
        <v>5490</v>
      </c>
      <c r="E19" s="972">
        <v>5166</v>
      </c>
      <c r="F19" s="973">
        <v>1251</v>
      </c>
      <c r="G19" s="917">
        <v>661</v>
      </c>
      <c r="H19" s="917">
        <v>590</v>
      </c>
      <c r="I19" s="917">
        <v>8514</v>
      </c>
      <c r="J19" s="917">
        <v>4493</v>
      </c>
      <c r="K19" s="917">
        <v>4021</v>
      </c>
      <c r="L19" s="973">
        <v>891</v>
      </c>
      <c r="M19" s="917">
        <v>336</v>
      </c>
      <c r="N19" s="918">
        <v>555</v>
      </c>
    </row>
    <row r="20" spans="1:14">
      <c r="A20" s="912"/>
      <c r="B20" s="957" t="s">
        <v>859</v>
      </c>
      <c r="C20" s="918">
        <v>5292</v>
      </c>
      <c r="D20" s="917">
        <v>2772</v>
      </c>
      <c r="E20" s="972">
        <v>2520</v>
      </c>
      <c r="F20" s="973">
        <v>525</v>
      </c>
      <c r="G20" s="917">
        <v>244</v>
      </c>
      <c r="H20" s="917">
        <v>281</v>
      </c>
      <c r="I20" s="917">
        <v>4241</v>
      </c>
      <c r="J20" s="917">
        <v>2313</v>
      </c>
      <c r="K20" s="917">
        <v>1928</v>
      </c>
      <c r="L20" s="973">
        <v>526</v>
      </c>
      <c r="M20" s="917">
        <v>215</v>
      </c>
      <c r="N20" s="918">
        <v>311</v>
      </c>
    </row>
    <row r="21" spans="1:14">
      <c r="A21" s="912"/>
      <c r="B21" s="957" t="s">
        <v>860</v>
      </c>
      <c r="C21" s="918">
        <v>5555</v>
      </c>
      <c r="D21" s="917">
        <v>2961</v>
      </c>
      <c r="E21" s="972">
        <v>2594</v>
      </c>
      <c r="F21" s="973">
        <v>584</v>
      </c>
      <c r="G21" s="917">
        <v>300</v>
      </c>
      <c r="H21" s="917">
        <v>284</v>
      </c>
      <c r="I21" s="917">
        <v>4501</v>
      </c>
      <c r="J21" s="917">
        <v>2460</v>
      </c>
      <c r="K21" s="917">
        <v>2041</v>
      </c>
      <c r="L21" s="973">
        <v>470</v>
      </c>
      <c r="M21" s="917">
        <v>201</v>
      </c>
      <c r="N21" s="918">
        <v>269</v>
      </c>
    </row>
    <row r="22" spans="1:14">
      <c r="A22" s="912"/>
      <c r="B22" s="957" t="s">
        <v>861</v>
      </c>
      <c r="C22" s="918">
        <v>6522</v>
      </c>
      <c r="D22" s="917">
        <v>3399</v>
      </c>
      <c r="E22" s="972">
        <v>3123</v>
      </c>
      <c r="F22" s="973">
        <v>702</v>
      </c>
      <c r="G22" s="917">
        <v>386</v>
      </c>
      <c r="H22" s="917">
        <v>316</v>
      </c>
      <c r="I22" s="917">
        <v>5220</v>
      </c>
      <c r="J22" s="917">
        <v>2764</v>
      </c>
      <c r="K22" s="917">
        <v>2456</v>
      </c>
      <c r="L22" s="973">
        <v>600</v>
      </c>
      <c r="M22" s="917">
        <v>249</v>
      </c>
      <c r="N22" s="918">
        <v>351</v>
      </c>
    </row>
    <row r="23" spans="1:14">
      <c r="A23" s="912"/>
      <c r="B23" s="957" t="s">
        <v>862</v>
      </c>
      <c r="C23" s="918">
        <v>18129</v>
      </c>
      <c r="D23" s="917">
        <v>9102</v>
      </c>
      <c r="E23" s="972">
        <v>9027</v>
      </c>
      <c r="F23" s="973">
        <v>2324</v>
      </c>
      <c r="G23" s="917">
        <v>1173</v>
      </c>
      <c r="H23" s="917">
        <v>1151</v>
      </c>
      <c r="I23" s="917">
        <v>14634</v>
      </c>
      <c r="J23" s="917">
        <v>7487</v>
      </c>
      <c r="K23" s="917">
        <v>7147</v>
      </c>
      <c r="L23" s="973">
        <v>1171</v>
      </c>
      <c r="M23" s="917">
        <v>442</v>
      </c>
      <c r="N23" s="918">
        <v>729</v>
      </c>
    </row>
    <row r="24" spans="1:14">
      <c r="A24" s="912"/>
      <c r="B24" s="957" t="s">
        <v>308</v>
      </c>
      <c r="C24" s="918">
        <v>12631</v>
      </c>
      <c r="D24" s="917">
        <v>6456</v>
      </c>
      <c r="E24" s="972">
        <v>6175</v>
      </c>
      <c r="F24" s="973">
        <v>1946</v>
      </c>
      <c r="G24" s="917">
        <v>1019</v>
      </c>
      <c r="H24" s="917">
        <v>927</v>
      </c>
      <c r="I24" s="917">
        <v>9759</v>
      </c>
      <c r="J24" s="917">
        <v>5079</v>
      </c>
      <c r="K24" s="917">
        <v>4680</v>
      </c>
      <c r="L24" s="973">
        <v>926</v>
      </c>
      <c r="M24" s="917">
        <v>358</v>
      </c>
      <c r="N24" s="918">
        <v>568</v>
      </c>
    </row>
    <row r="25" spans="1:14" s="911" customFormat="1" ht="20.100000000000001" customHeight="1">
      <c r="A25" s="1337" t="s">
        <v>863</v>
      </c>
      <c r="B25" s="1338"/>
      <c r="C25" s="940">
        <v>111088</v>
      </c>
      <c r="D25" s="939">
        <v>58976</v>
      </c>
      <c r="E25" s="941">
        <v>52112</v>
      </c>
      <c r="F25" s="938">
        <v>8341</v>
      </c>
      <c r="G25" s="939">
        <v>4297</v>
      </c>
      <c r="H25" s="938">
        <v>4044</v>
      </c>
      <c r="I25" s="939">
        <v>97593</v>
      </c>
      <c r="J25" s="939">
        <v>52358</v>
      </c>
      <c r="K25" s="941">
        <v>45235</v>
      </c>
      <c r="L25" s="938">
        <v>5154</v>
      </c>
      <c r="M25" s="939">
        <v>2321</v>
      </c>
      <c r="N25" s="938">
        <v>2833</v>
      </c>
    </row>
    <row r="26" spans="1:14">
      <c r="A26" s="912"/>
      <c r="B26" s="957" t="s">
        <v>864</v>
      </c>
      <c r="C26" s="918">
        <v>17152</v>
      </c>
      <c r="D26" s="917">
        <v>10282</v>
      </c>
      <c r="E26" s="972">
        <v>6870</v>
      </c>
      <c r="F26" s="973">
        <v>949</v>
      </c>
      <c r="G26" s="917">
        <v>492</v>
      </c>
      <c r="H26" s="917">
        <v>457</v>
      </c>
      <c r="I26" s="917">
        <v>15449</v>
      </c>
      <c r="J26" s="917">
        <v>9355</v>
      </c>
      <c r="K26" s="917">
        <v>6094</v>
      </c>
      <c r="L26" s="973">
        <v>754</v>
      </c>
      <c r="M26" s="917">
        <v>435</v>
      </c>
      <c r="N26" s="918">
        <v>319</v>
      </c>
    </row>
    <row r="27" spans="1:14">
      <c r="A27" s="912"/>
      <c r="B27" s="957" t="s">
        <v>865</v>
      </c>
      <c r="C27" s="918">
        <v>13389</v>
      </c>
      <c r="D27" s="917">
        <v>7340</v>
      </c>
      <c r="E27" s="972">
        <v>6049</v>
      </c>
      <c r="F27" s="973">
        <v>1189</v>
      </c>
      <c r="G27" s="917">
        <v>641</v>
      </c>
      <c r="H27" s="917">
        <v>548</v>
      </c>
      <c r="I27" s="917">
        <v>11636</v>
      </c>
      <c r="J27" s="917">
        <v>6425</v>
      </c>
      <c r="K27" s="917">
        <v>5211</v>
      </c>
      <c r="L27" s="973">
        <v>564</v>
      </c>
      <c r="M27" s="917">
        <v>274</v>
      </c>
      <c r="N27" s="918">
        <v>290</v>
      </c>
    </row>
    <row r="28" spans="1:14">
      <c r="A28" s="912"/>
      <c r="B28" s="957" t="s">
        <v>866</v>
      </c>
      <c r="C28" s="918">
        <v>22693</v>
      </c>
      <c r="D28" s="917">
        <v>11775</v>
      </c>
      <c r="E28" s="972">
        <v>10918</v>
      </c>
      <c r="F28" s="973">
        <v>1572</v>
      </c>
      <c r="G28" s="917">
        <v>799</v>
      </c>
      <c r="H28" s="917">
        <v>773</v>
      </c>
      <c r="I28" s="917">
        <v>20445</v>
      </c>
      <c r="J28" s="917">
        <v>10688</v>
      </c>
      <c r="K28" s="917">
        <v>9757</v>
      </c>
      <c r="L28" s="973">
        <v>676</v>
      </c>
      <c r="M28" s="917">
        <v>288</v>
      </c>
      <c r="N28" s="918">
        <v>388</v>
      </c>
    </row>
    <row r="29" spans="1:14">
      <c r="A29" s="912"/>
      <c r="B29" s="957" t="s">
        <v>867</v>
      </c>
      <c r="C29" s="918">
        <v>16468</v>
      </c>
      <c r="D29" s="917">
        <v>8553</v>
      </c>
      <c r="E29" s="972">
        <v>7915</v>
      </c>
      <c r="F29" s="973">
        <v>1110</v>
      </c>
      <c r="G29" s="917">
        <v>555</v>
      </c>
      <c r="H29" s="917">
        <v>555</v>
      </c>
      <c r="I29" s="917">
        <v>14485</v>
      </c>
      <c r="J29" s="917">
        <v>7621</v>
      </c>
      <c r="K29" s="917">
        <v>6864</v>
      </c>
      <c r="L29" s="973">
        <v>873</v>
      </c>
      <c r="M29" s="917">
        <v>377</v>
      </c>
      <c r="N29" s="918">
        <v>496</v>
      </c>
    </row>
    <row r="30" spans="1:14">
      <c r="A30" s="912"/>
      <c r="B30" s="957" t="s">
        <v>868</v>
      </c>
      <c r="C30" s="918">
        <v>16401</v>
      </c>
      <c r="D30" s="917">
        <v>8479</v>
      </c>
      <c r="E30" s="972">
        <v>7922</v>
      </c>
      <c r="F30" s="973">
        <v>809</v>
      </c>
      <c r="G30" s="917">
        <v>416</v>
      </c>
      <c r="H30" s="917">
        <v>393</v>
      </c>
      <c r="I30" s="917">
        <v>14967</v>
      </c>
      <c r="J30" s="917">
        <v>7806</v>
      </c>
      <c r="K30" s="917">
        <v>7161</v>
      </c>
      <c r="L30" s="973">
        <v>625</v>
      </c>
      <c r="M30" s="917">
        <v>257</v>
      </c>
      <c r="N30" s="918">
        <v>368</v>
      </c>
    </row>
    <row r="31" spans="1:14">
      <c r="A31" s="912"/>
      <c r="B31" s="957" t="s">
        <v>312</v>
      </c>
      <c r="C31" s="918">
        <v>13957</v>
      </c>
      <c r="D31" s="917">
        <v>7046</v>
      </c>
      <c r="E31" s="972">
        <v>6911</v>
      </c>
      <c r="F31" s="973">
        <v>1547</v>
      </c>
      <c r="G31" s="917">
        <v>768</v>
      </c>
      <c r="H31" s="917">
        <v>779</v>
      </c>
      <c r="I31" s="917">
        <v>11495</v>
      </c>
      <c r="J31" s="917">
        <v>5897</v>
      </c>
      <c r="K31" s="917">
        <v>5598</v>
      </c>
      <c r="L31" s="973">
        <v>915</v>
      </c>
      <c r="M31" s="917">
        <v>381</v>
      </c>
      <c r="N31" s="918">
        <v>534</v>
      </c>
    </row>
    <row r="32" spans="1:14">
      <c r="A32" s="912"/>
      <c r="B32" s="957" t="s">
        <v>869</v>
      </c>
      <c r="C32" s="918">
        <v>11028</v>
      </c>
      <c r="D32" s="917">
        <v>5501</v>
      </c>
      <c r="E32" s="972">
        <v>5527</v>
      </c>
      <c r="F32" s="973">
        <v>1165</v>
      </c>
      <c r="G32" s="917">
        <v>626</v>
      </c>
      <c r="H32" s="917">
        <v>539</v>
      </c>
      <c r="I32" s="917">
        <v>9116</v>
      </c>
      <c r="J32" s="917">
        <v>4566</v>
      </c>
      <c r="K32" s="917">
        <v>4550</v>
      </c>
      <c r="L32" s="973">
        <v>747</v>
      </c>
      <c r="M32" s="917">
        <v>309</v>
      </c>
      <c r="N32" s="918">
        <v>438</v>
      </c>
    </row>
    <row r="33" spans="1:14" s="524" customFormat="1" ht="20.100000000000001" customHeight="1">
      <c r="A33" s="1329" t="s">
        <v>870</v>
      </c>
      <c r="B33" s="1330"/>
      <c r="C33" s="940">
        <v>27976</v>
      </c>
      <c r="D33" s="939">
        <v>15930</v>
      </c>
      <c r="E33" s="941">
        <v>12046</v>
      </c>
      <c r="F33" s="938">
        <v>3056</v>
      </c>
      <c r="G33" s="939">
        <v>1575</v>
      </c>
      <c r="H33" s="938">
        <v>1481</v>
      </c>
      <c r="I33" s="939">
        <v>22923</v>
      </c>
      <c r="J33" s="939">
        <v>13541</v>
      </c>
      <c r="K33" s="938">
        <v>9382</v>
      </c>
      <c r="L33" s="939">
        <v>1997</v>
      </c>
      <c r="M33" s="939">
        <v>814</v>
      </c>
      <c r="N33" s="938">
        <v>1183</v>
      </c>
    </row>
    <row r="34" spans="1:14">
      <c r="A34" s="912"/>
      <c r="B34" s="957" t="s">
        <v>871</v>
      </c>
      <c r="C34" s="918">
        <v>14771</v>
      </c>
      <c r="D34" s="917">
        <v>9389</v>
      </c>
      <c r="E34" s="972">
        <v>5382</v>
      </c>
      <c r="F34" s="973">
        <v>1360</v>
      </c>
      <c r="G34" s="917">
        <v>680</v>
      </c>
      <c r="H34" s="917">
        <v>680</v>
      </c>
      <c r="I34" s="917">
        <v>12654</v>
      </c>
      <c r="J34" s="917">
        <v>8389</v>
      </c>
      <c r="K34" s="917">
        <v>4265</v>
      </c>
      <c r="L34" s="973">
        <v>757</v>
      </c>
      <c r="M34" s="917">
        <v>320</v>
      </c>
      <c r="N34" s="918">
        <v>437</v>
      </c>
    </row>
    <row r="35" spans="1:14">
      <c r="A35" s="912"/>
      <c r="B35" s="957" t="s">
        <v>872</v>
      </c>
      <c r="C35" s="918">
        <v>8094</v>
      </c>
      <c r="D35" s="917">
        <v>4051</v>
      </c>
      <c r="E35" s="972">
        <v>4043</v>
      </c>
      <c r="F35" s="973">
        <v>929</v>
      </c>
      <c r="G35" s="917">
        <v>488</v>
      </c>
      <c r="H35" s="917">
        <v>441</v>
      </c>
      <c r="I35" s="917">
        <v>6528</v>
      </c>
      <c r="J35" s="917">
        <v>3321</v>
      </c>
      <c r="K35" s="917">
        <v>3207</v>
      </c>
      <c r="L35" s="973">
        <v>637</v>
      </c>
      <c r="M35" s="917">
        <v>242</v>
      </c>
      <c r="N35" s="918">
        <v>395</v>
      </c>
    </row>
    <row r="36" spans="1:14">
      <c r="A36" s="912"/>
      <c r="B36" s="957" t="s">
        <v>873</v>
      </c>
      <c r="C36" s="918">
        <v>2562</v>
      </c>
      <c r="D36" s="917">
        <v>1227</v>
      </c>
      <c r="E36" s="972">
        <v>1335</v>
      </c>
      <c r="F36" s="973">
        <v>381</v>
      </c>
      <c r="G36" s="917">
        <v>206</v>
      </c>
      <c r="H36" s="917">
        <v>175</v>
      </c>
      <c r="I36" s="917">
        <v>1952</v>
      </c>
      <c r="J36" s="917">
        <v>924</v>
      </c>
      <c r="K36" s="917">
        <v>1028</v>
      </c>
      <c r="L36" s="973">
        <v>229</v>
      </c>
      <c r="M36" s="917">
        <v>97</v>
      </c>
      <c r="N36" s="918">
        <v>132</v>
      </c>
    </row>
    <row r="37" spans="1:14">
      <c r="A37" s="912"/>
      <c r="B37" s="957" t="s">
        <v>874</v>
      </c>
      <c r="C37" s="918">
        <v>1144</v>
      </c>
      <c r="D37" s="917">
        <v>604</v>
      </c>
      <c r="E37" s="972">
        <v>540</v>
      </c>
      <c r="F37" s="973">
        <v>108</v>
      </c>
      <c r="G37" s="917">
        <v>60</v>
      </c>
      <c r="H37" s="917">
        <v>48</v>
      </c>
      <c r="I37" s="917">
        <v>814</v>
      </c>
      <c r="J37" s="917">
        <v>445</v>
      </c>
      <c r="K37" s="917">
        <v>369</v>
      </c>
      <c r="L37" s="973">
        <v>222</v>
      </c>
      <c r="M37" s="917">
        <v>99</v>
      </c>
      <c r="N37" s="918">
        <v>123</v>
      </c>
    </row>
    <row r="38" spans="1:14">
      <c r="A38" s="912"/>
      <c r="B38" s="957" t="s">
        <v>875</v>
      </c>
      <c r="C38" s="918">
        <v>1405</v>
      </c>
      <c r="D38" s="917">
        <v>659</v>
      </c>
      <c r="E38" s="972">
        <v>746</v>
      </c>
      <c r="F38" s="973">
        <v>278</v>
      </c>
      <c r="G38" s="917">
        <v>141</v>
      </c>
      <c r="H38" s="917">
        <v>137</v>
      </c>
      <c r="I38" s="917">
        <v>975</v>
      </c>
      <c r="J38" s="917">
        <v>462</v>
      </c>
      <c r="K38" s="917">
        <v>513</v>
      </c>
      <c r="L38" s="973">
        <v>152</v>
      </c>
      <c r="M38" s="917">
        <v>56</v>
      </c>
      <c r="N38" s="918">
        <v>96</v>
      </c>
    </row>
    <row r="39" spans="1:14" s="524" customFormat="1" ht="20.100000000000001" customHeight="1">
      <c r="A39" s="1329" t="s">
        <v>918</v>
      </c>
      <c r="B39" s="1330"/>
      <c r="C39" s="940">
        <v>79978</v>
      </c>
      <c r="D39" s="939">
        <v>43786</v>
      </c>
      <c r="E39" s="941">
        <v>36192</v>
      </c>
      <c r="F39" s="938">
        <v>7626</v>
      </c>
      <c r="G39" s="939">
        <v>3917</v>
      </c>
      <c r="H39" s="938">
        <v>3709</v>
      </c>
      <c r="I39" s="939">
        <v>67108</v>
      </c>
      <c r="J39" s="939">
        <v>37664</v>
      </c>
      <c r="K39" s="941">
        <v>29444</v>
      </c>
      <c r="L39" s="938">
        <v>5244</v>
      </c>
      <c r="M39" s="939">
        <v>2205</v>
      </c>
      <c r="N39" s="938">
        <v>3039</v>
      </c>
    </row>
    <row r="40" spans="1:14" s="524" customFormat="1">
      <c r="A40" s="1339" t="s">
        <v>919</v>
      </c>
      <c r="B40" s="1340"/>
      <c r="C40" s="918">
        <v>35048</v>
      </c>
      <c r="D40" s="917">
        <v>18534</v>
      </c>
      <c r="E40" s="972">
        <v>16514</v>
      </c>
      <c r="F40" s="973">
        <v>3052</v>
      </c>
      <c r="G40" s="917">
        <v>1528</v>
      </c>
      <c r="H40" s="917">
        <v>1524</v>
      </c>
      <c r="I40" s="917">
        <v>29450</v>
      </c>
      <c r="J40" s="917">
        <v>15922</v>
      </c>
      <c r="K40" s="917">
        <v>13528</v>
      </c>
      <c r="L40" s="973">
        <v>2546</v>
      </c>
      <c r="M40" s="917">
        <v>1084</v>
      </c>
      <c r="N40" s="918">
        <v>1462</v>
      </c>
    </row>
    <row r="41" spans="1:14" s="524" customFormat="1">
      <c r="A41" s="924"/>
      <c r="B41" s="957" t="s">
        <v>878</v>
      </c>
      <c r="C41" s="918">
        <v>7109</v>
      </c>
      <c r="D41" s="917">
        <v>3785</v>
      </c>
      <c r="E41" s="972">
        <v>3324</v>
      </c>
      <c r="F41" s="973">
        <v>604</v>
      </c>
      <c r="G41" s="917">
        <v>289</v>
      </c>
      <c r="H41" s="917">
        <v>315</v>
      </c>
      <c r="I41" s="917">
        <v>5955</v>
      </c>
      <c r="J41" s="917">
        <v>3267</v>
      </c>
      <c r="K41" s="917">
        <v>2688</v>
      </c>
      <c r="L41" s="973">
        <v>550</v>
      </c>
      <c r="M41" s="917">
        <v>229</v>
      </c>
      <c r="N41" s="918">
        <v>321</v>
      </c>
    </row>
    <row r="42" spans="1:14" s="524" customFormat="1">
      <c r="A42" s="924"/>
      <c r="B42" s="957" t="s">
        <v>879</v>
      </c>
      <c r="C42" s="918">
        <v>12812</v>
      </c>
      <c r="D42" s="917">
        <v>6929</v>
      </c>
      <c r="E42" s="972">
        <v>5883</v>
      </c>
      <c r="F42" s="973">
        <v>1177</v>
      </c>
      <c r="G42" s="917">
        <v>622</v>
      </c>
      <c r="H42" s="917">
        <v>555</v>
      </c>
      <c r="I42" s="917">
        <v>10711</v>
      </c>
      <c r="J42" s="917">
        <v>5912</v>
      </c>
      <c r="K42" s="917">
        <v>4799</v>
      </c>
      <c r="L42" s="973">
        <v>924</v>
      </c>
      <c r="M42" s="917">
        <v>395</v>
      </c>
      <c r="N42" s="918">
        <v>529</v>
      </c>
    </row>
    <row r="43" spans="1:14" s="524" customFormat="1" ht="18.75" customHeight="1">
      <c r="A43" s="924"/>
      <c r="B43" s="958" t="s">
        <v>880</v>
      </c>
      <c r="C43" s="931">
        <v>15127</v>
      </c>
      <c r="D43" s="930">
        <v>7820</v>
      </c>
      <c r="E43" s="974">
        <v>7307</v>
      </c>
      <c r="F43" s="975">
        <v>1271</v>
      </c>
      <c r="G43" s="930">
        <v>617</v>
      </c>
      <c r="H43" s="930">
        <v>654</v>
      </c>
      <c r="I43" s="930">
        <v>12784</v>
      </c>
      <c r="J43" s="930">
        <v>6743</v>
      </c>
      <c r="K43" s="930">
        <v>6041</v>
      </c>
      <c r="L43" s="975">
        <v>1072</v>
      </c>
      <c r="M43" s="930">
        <v>460</v>
      </c>
      <c r="N43" s="931">
        <v>612</v>
      </c>
    </row>
    <row r="44" spans="1:14">
      <c r="A44" s="912"/>
      <c r="B44" s="957" t="s">
        <v>881</v>
      </c>
      <c r="C44" s="918">
        <v>10360</v>
      </c>
      <c r="D44" s="917">
        <v>6245</v>
      </c>
      <c r="E44" s="972">
        <v>4115</v>
      </c>
      <c r="F44" s="973">
        <v>982</v>
      </c>
      <c r="G44" s="917">
        <v>516</v>
      </c>
      <c r="H44" s="917">
        <v>466</v>
      </c>
      <c r="I44" s="917">
        <v>8794</v>
      </c>
      <c r="J44" s="917">
        <v>5466</v>
      </c>
      <c r="K44" s="917">
        <v>3328</v>
      </c>
      <c r="L44" s="973">
        <v>584</v>
      </c>
      <c r="M44" s="917">
        <v>263</v>
      </c>
      <c r="N44" s="918">
        <v>321</v>
      </c>
    </row>
    <row r="45" spans="1:14">
      <c r="A45" s="912"/>
      <c r="B45" s="957" t="s">
        <v>882</v>
      </c>
      <c r="C45" s="918">
        <v>13581</v>
      </c>
      <c r="D45" s="917">
        <v>7302</v>
      </c>
      <c r="E45" s="972">
        <v>6279</v>
      </c>
      <c r="F45" s="973">
        <v>1164</v>
      </c>
      <c r="G45" s="917">
        <v>597</v>
      </c>
      <c r="H45" s="917">
        <v>567</v>
      </c>
      <c r="I45" s="917">
        <v>11580</v>
      </c>
      <c r="J45" s="917">
        <v>6368</v>
      </c>
      <c r="K45" s="917">
        <v>5212</v>
      </c>
      <c r="L45" s="973">
        <v>837</v>
      </c>
      <c r="M45" s="917">
        <v>337</v>
      </c>
      <c r="N45" s="918">
        <v>500</v>
      </c>
    </row>
    <row r="46" spans="1:14">
      <c r="A46" s="912"/>
      <c r="B46" s="957" t="s">
        <v>883</v>
      </c>
      <c r="C46" s="918">
        <v>7093</v>
      </c>
      <c r="D46" s="917">
        <v>3873</v>
      </c>
      <c r="E46" s="972">
        <v>3220</v>
      </c>
      <c r="F46" s="973">
        <v>832</v>
      </c>
      <c r="G46" s="917">
        <v>445</v>
      </c>
      <c r="H46" s="917">
        <v>387</v>
      </c>
      <c r="I46" s="917">
        <v>5863</v>
      </c>
      <c r="J46" s="917">
        <v>3267</v>
      </c>
      <c r="K46" s="917">
        <v>2596</v>
      </c>
      <c r="L46" s="973">
        <v>398</v>
      </c>
      <c r="M46" s="917">
        <v>161</v>
      </c>
      <c r="N46" s="918">
        <v>237</v>
      </c>
    </row>
    <row r="47" spans="1:14">
      <c r="A47" s="912"/>
      <c r="B47" s="957" t="s">
        <v>884</v>
      </c>
      <c r="C47" s="918">
        <v>7483</v>
      </c>
      <c r="D47" s="917">
        <v>3949</v>
      </c>
      <c r="E47" s="972">
        <v>3534</v>
      </c>
      <c r="F47" s="973">
        <v>787</v>
      </c>
      <c r="G47" s="917">
        <v>384</v>
      </c>
      <c r="H47" s="917">
        <v>403</v>
      </c>
      <c r="I47" s="917">
        <v>6181</v>
      </c>
      <c r="J47" s="917">
        <v>3355</v>
      </c>
      <c r="K47" s="917">
        <v>2826</v>
      </c>
      <c r="L47" s="973">
        <v>515</v>
      </c>
      <c r="M47" s="917">
        <v>210</v>
      </c>
      <c r="N47" s="918">
        <v>305</v>
      </c>
    </row>
    <row r="48" spans="1:14">
      <c r="A48" s="912"/>
      <c r="B48" s="957" t="s">
        <v>885</v>
      </c>
      <c r="C48" s="918">
        <v>4444</v>
      </c>
      <c r="D48" s="917">
        <v>2691</v>
      </c>
      <c r="E48" s="972">
        <v>1753</v>
      </c>
      <c r="F48" s="973">
        <v>584</v>
      </c>
      <c r="G48" s="917">
        <v>326</v>
      </c>
      <c r="H48" s="917">
        <v>258</v>
      </c>
      <c r="I48" s="917">
        <v>3619</v>
      </c>
      <c r="J48" s="917">
        <v>2269</v>
      </c>
      <c r="K48" s="917">
        <v>1350</v>
      </c>
      <c r="L48" s="973">
        <v>241</v>
      </c>
      <c r="M48" s="917">
        <v>96</v>
      </c>
      <c r="N48" s="918">
        <v>145</v>
      </c>
    </row>
    <row r="49" spans="1:14">
      <c r="A49" s="912"/>
      <c r="B49" s="957" t="s">
        <v>886</v>
      </c>
      <c r="C49" s="918">
        <v>1879</v>
      </c>
      <c r="D49" s="917">
        <v>1138</v>
      </c>
      <c r="E49" s="972">
        <v>741</v>
      </c>
      <c r="F49" s="973">
        <v>210</v>
      </c>
      <c r="G49" s="917">
        <v>113</v>
      </c>
      <c r="H49" s="917">
        <v>97</v>
      </c>
      <c r="I49" s="917">
        <v>1551</v>
      </c>
      <c r="J49" s="917">
        <v>974</v>
      </c>
      <c r="K49" s="917">
        <v>577</v>
      </c>
      <c r="L49" s="973">
        <v>118</v>
      </c>
      <c r="M49" s="917">
        <v>51</v>
      </c>
      <c r="N49" s="918">
        <v>67</v>
      </c>
    </row>
    <row r="50" spans="1:14">
      <c r="A50" s="912"/>
      <c r="B50" s="957" t="s">
        <v>324</v>
      </c>
      <c r="C50" s="918">
        <v>90</v>
      </c>
      <c r="D50" s="917">
        <v>54</v>
      </c>
      <c r="E50" s="972">
        <v>36</v>
      </c>
      <c r="F50" s="973">
        <v>15</v>
      </c>
      <c r="G50" s="917">
        <v>8</v>
      </c>
      <c r="H50" s="917">
        <v>7</v>
      </c>
      <c r="I50" s="917">
        <v>70</v>
      </c>
      <c r="J50" s="917">
        <v>43</v>
      </c>
      <c r="K50" s="917">
        <v>27</v>
      </c>
      <c r="L50" s="973">
        <v>5</v>
      </c>
      <c r="M50" s="917">
        <v>3</v>
      </c>
      <c r="N50" s="918">
        <v>2</v>
      </c>
    </row>
    <row r="51" spans="1:14" s="524" customFormat="1" ht="20.100000000000001" customHeight="1">
      <c r="A51" s="1329" t="s">
        <v>920</v>
      </c>
      <c r="B51" s="1330"/>
      <c r="C51" s="940">
        <v>54263</v>
      </c>
      <c r="D51" s="939">
        <v>29236</v>
      </c>
      <c r="E51" s="941">
        <v>25027</v>
      </c>
      <c r="F51" s="938">
        <v>5865</v>
      </c>
      <c r="G51" s="939">
        <v>2959</v>
      </c>
      <c r="H51" s="938">
        <v>2906</v>
      </c>
      <c r="I51" s="939">
        <v>44458</v>
      </c>
      <c r="J51" s="939">
        <v>24653</v>
      </c>
      <c r="K51" s="938">
        <v>19805</v>
      </c>
      <c r="L51" s="939">
        <v>3940</v>
      </c>
      <c r="M51" s="939">
        <v>1624</v>
      </c>
      <c r="N51" s="938">
        <v>2316</v>
      </c>
    </row>
    <row r="52" spans="1:14">
      <c r="A52" s="912"/>
      <c r="B52" s="957" t="s">
        <v>888</v>
      </c>
      <c r="C52" s="918">
        <v>9409</v>
      </c>
      <c r="D52" s="917">
        <v>5151</v>
      </c>
      <c r="E52" s="972">
        <v>4258</v>
      </c>
      <c r="F52" s="973">
        <v>1017</v>
      </c>
      <c r="G52" s="917">
        <v>510</v>
      </c>
      <c r="H52" s="917">
        <v>507</v>
      </c>
      <c r="I52" s="917">
        <v>7638</v>
      </c>
      <c r="J52" s="917">
        <v>4332</v>
      </c>
      <c r="K52" s="917">
        <v>3306</v>
      </c>
      <c r="L52" s="973">
        <v>754</v>
      </c>
      <c r="M52" s="917">
        <v>309</v>
      </c>
      <c r="N52" s="918">
        <v>445</v>
      </c>
    </row>
    <row r="53" spans="1:14">
      <c r="A53" s="912"/>
      <c r="B53" s="957" t="s">
        <v>889</v>
      </c>
      <c r="C53" s="918">
        <v>20600</v>
      </c>
      <c r="D53" s="917">
        <v>11010</v>
      </c>
      <c r="E53" s="972">
        <v>9590</v>
      </c>
      <c r="F53" s="973">
        <v>2244</v>
      </c>
      <c r="G53" s="917">
        <v>1152</v>
      </c>
      <c r="H53" s="917">
        <v>1092</v>
      </c>
      <c r="I53" s="917">
        <v>17018</v>
      </c>
      <c r="J53" s="917">
        <v>9329</v>
      </c>
      <c r="K53" s="917">
        <v>7689</v>
      </c>
      <c r="L53" s="973">
        <v>1338</v>
      </c>
      <c r="M53" s="917">
        <v>529</v>
      </c>
      <c r="N53" s="918">
        <v>809</v>
      </c>
    </row>
    <row r="54" spans="1:14">
      <c r="A54" s="912"/>
      <c r="B54" s="957" t="s">
        <v>890</v>
      </c>
      <c r="C54" s="918">
        <v>9064</v>
      </c>
      <c r="D54" s="917">
        <v>4612</v>
      </c>
      <c r="E54" s="972">
        <v>4452</v>
      </c>
      <c r="F54" s="973">
        <v>1068</v>
      </c>
      <c r="G54" s="917">
        <v>528</v>
      </c>
      <c r="H54" s="917">
        <v>540</v>
      </c>
      <c r="I54" s="917">
        <v>7325</v>
      </c>
      <c r="J54" s="917">
        <v>3838</v>
      </c>
      <c r="K54" s="917">
        <v>3487</v>
      </c>
      <c r="L54" s="973">
        <v>671</v>
      </c>
      <c r="M54" s="917">
        <v>246</v>
      </c>
      <c r="N54" s="918">
        <v>425</v>
      </c>
    </row>
    <row r="55" spans="1:14">
      <c r="A55" s="912"/>
      <c r="B55" s="957" t="s">
        <v>891</v>
      </c>
      <c r="C55" s="918">
        <v>6032</v>
      </c>
      <c r="D55" s="917">
        <v>3393</v>
      </c>
      <c r="E55" s="972">
        <v>2639</v>
      </c>
      <c r="F55" s="973">
        <v>545</v>
      </c>
      <c r="G55" s="917">
        <v>288</v>
      </c>
      <c r="H55" s="917">
        <v>257</v>
      </c>
      <c r="I55" s="917">
        <v>4978</v>
      </c>
      <c r="J55" s="917">
        <v>2864</v>
      </c>
      <c r="K55" s="917">
        <v>2114</v>
      </c>
      <c r="L55" s="973">
        <v>509</v>
      </c>
      <c r="M55" s="917">
        <v>241</v>
      </c>
      <c r="N55" s="918">
        <v>268</v>
      </c>
    </row>
    <row r="56" spans="1:14">
      <c r="A56" s="912"/>
      <c r="B56" s="957" t="s">
        <v>892</v>
      </c>
      <c r="C56" s="918">
        <v>4833</v>
      </c>
      <c r="D56" s="917">
        <v>2766</v>
      </c>
      <c r="E56" s="972">
        <v>2067</v>
      </c>
      <c r="F56" s="973">
        <v>385</v>
      </c>
      <c r="G56" s="917">
        <v>187</v>
      </c>
      <c r="H56" s="917">
        <v>198</v>
      </c>
      <c r="I56" s="917">
        <v>4139</v>
      </c>
      <c r="J56" s="917">
        <v>2437</v>
      </c>
      <c r="K56" s="917">
        <v>1702</v>
      </c>
      <c r="L56" s="973">
        <v>309</v>
      </c>
      <c r="M56" s="917">
        <v>142</v>
      </c>
      <c r="N56" s="918">
        <v>167</v>
      </c>
    </row>
    <row r="57" spans="1:14">
      <c r="A57" s="912"/>
      <c r="B57" s="957" t="s">
        <v>893</v>
      </c>
      <c r="C57" s="918">
        <v>2134</v>
      </c>
      <c r="D57" s="917">
        <v>1177</v>
      </c>
      <c r="E57" s="972">
        <v>957</v>
      </c>
      <c r="F57" s="973">
        <v>276</v>
      </c>
      <c r="G57" s="917">
        <v>130</v>
      </c>
      <c r="H57" s="917">
        <v>146</v>
      </c>
      <c r="I57" s="917">
        <v>1729</v>
      </c>
      <c r="J57" s="917">
        <v>989</v>
      </c>
      <c r="K57" s="917">
        <v>740</v>
      </c>
      <c r="L57" s="973">
        <v>129</v>
      </c>
      <c r="M57" s="917">
        <v>58</v>
      </c>
      <c r="N57" s="918">
        <v>71</v>
      </c>
    </row>
    <row r="58" spans="1:14">
      <c r="A58" s="912"/>
      <c r="B58" s="957" t="s">
        <v>894</v>
      </c>
      <c r="C58" s="918">
        <v>1188</v>
      </c>
      <c r="D58" s="917">
        <v>623</v>
      </c>
      <c r="E58" s="972">
        <v>565</v>
      </c>
      <c r="F58" s="973">
        <v>189</v>
      </c>
      <c r="G58" s="917">
        <v>91</v>
      </c>
      <c r="H58" s="917">
        <v>98</v>
      </c>
      <c r="I58" s="917">
        <v>874</v>
      </c>
      <c r="J58" s="917">
        <v>473</v>
      </c>
      <c r="K58" s="917">
        <v>401</v>
      </c>
      <c r="L58" s="973">
        <v>125</v>
      </c>
      <c r="M58" s="917">
        <v>59</v>
      </c>
      <c r="N58" s="918">
        <v>66</v>
      </c>
    </row>
    <row r="59" spans="1:14">
      <c r="A59" s="912"/>
      <c r="B59" s="957" t="s">
        <v>895</v>
      </c>
      <c r="C59" s="918">
        <v>1003</v>
      </c>
      <c r="D59" s="917">
        <v>504</v>
      </c>
      <c r="E59" s="972">
        <v>499</v>
      </c>
      <c r="F59" s="973">
        <v>141</v>
      </c>
      <c r="G59" s="917">
        <v>73</v>
      </c>
      <c r="H59" s="917">
        <v>68</v>
      </c>
      <c r="I59" s="917">
        <v>757</v>
      </c>
      <c r="J59" s="917">
        <v>391</v>
      </c>
      <c r="K59" s="917">
        <v>366</v>
      </c>
      <c r="L59" s="973">
        <v>105</v>
      </c>
      <c r="M59" s="917">
        <v>40</v>
      </c>
      <c r="N59" s="918">
        <v>65</v>
      </c>
    </row>
    <row r="60" spans="1:14" s="524" customFormat="1" ht="20.100000000000001" customHeight="1">
      <c r="A60" s="1329" t="s">
        <v>921</v>
      </c>
      <c r="B60" s="1330"/>
      <c r="C60" s="940">
        <v>14593</v>
      </c>
      <c r="D60" s="939">
        <v>7227</v>
      </c>
      <c r="E60" s="941">
        <v>7366</v>
      </c>
      <c r="F60" s="938">
        <v>1336</v>
      </c>
      <c r="G60" s="939">
        <v>691</v>
      </c>
      <c r="H60" s="939">
        <v>645</v>
      </c>
      <c r="I60" s="939">
        <v>11921</v>
      </c>
      <c r="J60" s="939">
        <v>5916</v>
      </c>
      <c r="K60" s="939">
        <v>6005</v>
      </c>
      <c r="L60" s="938">
        <v>1336</v>
      </c>
      <c r="M60" s="939">
        <v>620</v>
      </c>
      <c r="N60" s="940">
        <v>716</v>
      </c>
    </row>
    <row r="61" spans="1:14">
      <c r="A61" s="912"/>
      <c r="B61" s="957" t="s">
        <v>897</v>
      </c>
      <c r="C61" s="918">
        <v>7255</v>
      </c>
      <c r="D61" s="917">
        <v>3796</v>
      </c>
      <c r="E61" s="972">
        <v>3459</v>
      </c>
      <c r="F61" s="973">
        <v>705</v>
      </c>
      <c r="G61" s="917">
        <v>358</v>
      </c>
      <c r="H61" s="917">
        <v>347</v>
      </c>
      <c r="I61" s="917">
        <v>5935</v>
      </c>
      <c r="J61" s="917">
        <v>3165</v>
      </c>
      <c r="K61" s="917">
        <v>2770</v>
      </c>
      <c r="L61" s="973">
        <v>615</v>
      </c>
      <c r="M61" s="917">
        <v>273</v>
      </c>
      <c r="N61" s="918">
        <v>342</v>
      </c>
    </row>
    <row r="62" spans="1:14">
      <c r="A62" s="912"/>
      <c r="B62" s="957" t="s">
        <v>898</v>
      </c>
      <c r="C62" s="918">
        <v>1309</v>
      </c>
      <c r="D62" s="917">
        <v>706</v>
      </c>
      <c r="E62" s="972">
        <v>603</v>
      </c>
      <c r="F62" s="973">
        <v>153</v>
      </c>
      <c r="G62" s="917">
        <v>84</v>
      </c>
      <c r="H62" s="917">
        <v>69</v>
      </c>
      <c r="I62" s="917">
        <v>1010</v>
      </c>
      <c r="J62" s="917">
        <v>550</v>
      </c>
      <c r="K62" s="917">
        <v>460</v>
      </c>
      <c r="L62" s="973">
        <v>146</v>
      </c>
      <c r="M62" s="917">
        <v>72</v>
      </c>
      <c r="N62" s="918">
        <v>74</v>
      </c>
    </row>
    <row r="63" spans="1:14">
      <c r="A63" s="912"/>
      <c r="B63" s="957" t="s">
        <v>899</v>
      </c>
      <c r="C63" s="918">
        <v>360</v>
      </c>
      <c r="D63" s="917">
        <v>211</v>
      </c>
      <c r="E63" s="972">
        <v>149</v>
      </c>
      <c r="F63" s="973">
        <v>36</v>
      </c>
      <c r="G63" s="917">
        <v>21</v>
      </c>
      <c r="H63" s="917">
        <v>15</v>
      </c>
      <c r="I63" s="917">
        <v>289</v>
      </c>
      <c r="J63" s="917">
        <v>175</v>
      </c>
      <c r="K63" s="917">
        <v>114</v>
      </c>
      <c r="L63" s="973">
        <v>35</v>
      </c>
      <c r="M63" s="917">
        <v>15</v>
      </c>
      <c r="N63" s="918">
        <v>20</v>
      </c>
    </row>
    <row r="64" spans="1:14">
      <c r="A64" s="912"/>
      <c r="B64" s="957" t="s">
        <v>900</v>
      </c>
      <c r="C64" s="918">
        <v>766</v>
      </c>
      <c r="D64" s="917">
        <v>410</v>
      </c>
      <c r="E64" s="972">
        <v>356</v>
      </c>
      <c r="F64" s="973">
        <v>109</v>
      </c>
      <c r="G64" s="917">
        <v>53</v>
      </c>
      <c r="H64" s="917">
        <v>56</v>
      </c>
      <c r="I64" s="917">
        <v>615</v>
      </c>
      <c r="J64" s="917">
        <v>340</v>
      </c>
      <c r="K64" s="917">
        <v>275</v>
      </c>
      <c r="L64" s="973">
        <v>42</v>
      </c>
      <c r="M64" s="917">
        <v>17</v>
      </c>
      <c r="N64" s="918">
        <v>25</v>
      </c>
    </row>
    <row r="65" spans="1:14">
      <c r="A65" s="912"/>
      <c r="B65" s="957" t="s">
        <v>901</v>
      </c>
      <c r="C65" s="918">
        <v>1035</v>
      </c>
      <c r="D65" s="917">
        <v>225</v>
      </c>
      <c r="E65" s="972">
        <v>810</v>
      </c>
      <c r="F65" s="973">
        <v>54</v>
      </c>
      <c r="G65" s="917">
        <v>31</v>
      </c>
      <c r="H65" s="917">
        <v>23</v>
      </c>
      <c r="I65" s="917">
        <v>952</v>
      </c>
      <c r="J65" s="917">
        <v>177</v>
      </c>
      <c r="K65" s="917">
        <v>775</v>
      </c>
      <c r="L65" s="973">
        <v>29</v>
      </c>
      <c r="M65" s="917">
        <v>17</v>
      </c>
      <c r="N65" s="918">
        <v>12</v>
      </c>
    </row>
    <row r="66" spans="1:14">
      <c r="A66" s="912"/>
      <c r="B66" s="957" t="s">
        <v>317</v>
      </c>
      <c r="C66" s="918">
        <v>232</v>
      </c>
      <c r="D66" s="917">
        <v>136</v>
      </c>
      <c r="E66" s="972">
        <v>96</v>
      </c>
      <c r="F66" s="973">
        <v>24</v>
      </c>
      <c r="G66" s="917">
        <v>13</v>
      </c>
      <c r="H66" s="917">
        <v>11</v>
      </c>
      <c r="I66" s="917">
        <v>191</v>
      </c>
      <c r="J66" s="917">
        <v>113</v>
      </c>
      <c r="K66" s="917">
        <v>78</v>
      </c>
      <c r="L66" s="973">
        <v>17</v>
      </c>
      <c r="M66" s="917">
        <v>10</v>
      </c>
      <c r="N66" s="918">
        <v>7</v>
      </c>
    </row>
    <row r="67" spans="1:14">
      <c r="A67" s="912"/>
      <c r="B67" s="957" t="s">
        <v>310</v>
      </c>
      <c r="C67" s="918">
        <v>897</v>
      </c>
      <c r="D67" s="917">
        <v>448</v>
      </c>
      <c r="E67" s="972">
        <v>449</v>
      </c>
      <c r="F67" s="973">
        <v>116</v>
      </c>
      <c r="G67" s="917">
        <v>55</v>
      </c>
      <c r="H67" s="917">
        <v>61</v>
      </c>
      <c r="I67" s="917">
        <v>694</v>
      </c>
      <c r="J67" s="917">
        <v>350</v>
      </c>
      <c r="K67" s="917">
        <v>344</v>
      </c>
      <c r="L67" s="973">
        <v>87</v>
      </c>
      <c r="M67" s="917">
        <v>43</v>
      </c>
      <c r="N67" s="918">
        <v>44</v>
      </c>
    </row>
    <row r="68" spans="1:14">
      <c r="A68" s="912"/>
      <c r="B68" s="957" t="s">
        <v>309</v>
      </c>
      <c r="C68" s="918">
        <v>1477</v>
      </c>
      <c r="D68" s="917">
        <v>692</v>
      </c>
      <c r="E68" s="972">
        <v>785</v>
      </c>
      <c r="F68" s="973">
        <v>38</v>
      </c>
      <c r="G68" s="917">
        <v>22</v>
      </c>
      <c r="H68" s="917">
        <v>16</v>
      </c>
      <c r="I68" s="917">
        <v>1336</v>
      </c>
      <c r="J68" s="917">
        <v>611</v>
      </c>
      <c r="K68" s="917">
        <v>725</v>
      </c>
      <c r="L68" s="973">
        <v>103</v>
      </c>
      <c r="M68" s="917">
        <v>59</v>
      </c>
      <c r="N68" s="918">
        <v>44</v>
      </c>
    </row>
    <row r="69" spans="1:14">
      <c r="A69" s="912"/>
      <c r="B69" s="957" t="s">
        <v>311</v>
      </c>
      <c r="C69" s="918">
        <v>218</v>
      </c>
      <c r="D69" s="917">
        <v>110</v>
      </c>
      <c r="E69" s="972">
        <v>108</v>
      </c>
      <c r="F69" s="973">
        <v>25</v>
      </c>
      <c r="G69" s="917">
        <v>11</v>
      </c>
      <c r="H69" s="917">
        <v>14</v>
      </c>
      <c r="I69" s="917">
        <v>150</v>
      </c>
      <c r="J69" s="917">
        <v>79</v>
      </c>
      <c r="K69" s="917">
        <v>71</v>
      </c>
      <c r="L69" s="973">
        <v>43</v>
      </c>
      <c r="M69" s="917">
        <v>20</v>
      </c>
      <c r="N69" s="918">
        <v>23</v>
      </c>
    </row>
    <row r="70" spans="1:14">
      <c r="A70" s="912"/>
      <c r="B70" s="957" t="s">
        <v>313</v>
      </c>
      <c r="C70" s="918">
        <v>1044</v>
      </c>
      <c r="D70" s="917">
        <v>493</v>
      </c>
      <c r="E70" s="972">
        <v>551</v>
      </c>
      <c r="F70" s="973">
        <v>76</v>
      </c>
      <c r="G70" s="917">
        <v>43</v>
      </c>
      <c r="H70" s="917">
        <v>33</v>
      </c>
      <c r="I70" s="917">
        <v>749</v>
      </c>
      <c r="J70" s="917">
        <v>356</v>
      </c>
      <c r="K70" s="917">
        <v>393</v>
      </c>
      <c r="L70" s="973">
        <v>219</v>
      </c>
      <c r="M70" s="917">
        <v>94</v>
      </c>
      <c r="N70" s="918">
        <v>125</v>
      </c>
    </row>
    <row r="71" spans="1:14" s="524" customFormat="1" ht="20.100000000000001" customHeight="1">
      <c r="A71" s="924"/>
      <c r="B71" s="906"/>
      <c r="C71" s="940"/>
      <c r="D71" s="939"/>
      <c r="E71" s="941"/>
      <c r="F71" s="938"/>
      <c r="G71" s="939"/>
      <c r="H71" s="939"/>
      <c r="I71" s="939"/>
      <c r="J71" s="939"/>
      <c r="K71" s="939"/>
      <c r="L71" s="938"/>
      <c r="M71" s="939"/>
      <c r="N71" s="940"/>
    </row>
    <row r="72" spans="1:14" ht="14.25" thickBot="1">
      <c r="A72" s="962"/>
      <c r="B72" s="963"/>
      <c r="C72" s="949"/>
      <c r="D72" s="948"/>
      <c r="E72" s="950"/>
      <c r="F72" s="947"/>
      <c r="G72" s="948"/>
      <c r="H72" s="948"/>
      <c r="I72" s="948"/>
      <c r="J72" s="948"/>
      <c r="K72" s="950"/>
      <c r="L72" s="947"/>
      <c r="M72" s="948"/>
      <c r="N72" s="949"/>
    </row>
    <row r="73" spans="1:14" ht="14.25" thickTop="1"/>
  </sheetData>
  <mergeCells count="12">
    <mergeCell ref="A60:B60"/>
    <mergeCell ref="C3:E3"/>
    <mergeCell ref="F3:H3"/>
    <mergeCell ref="I3:K3"/>
    <mergeCell ref="L3:N3"/>
    <mergeCell ref="A4:B4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59055118110236227" right="0.59055118110236227" top="0.59055118110236227" bottom="0.59055118110236227" header="0" footer="0.19685039370078741"/>
  <pageSetup paperSize="9" scale="76" orientation="portrait" blackAndWhite="1" r:id="rId1"/>
  <headerFooter scaleWithDoc="0" alignWithMargins="0">
    <oddFooter>&amp;C&amp;"-,太字"-54-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3"/>
  <sheetViews>
    <sheetView zoomScaleNormal="100" workbookViewId="0"/>
  </sheetViews>
  <sheetFormatPr defaultRowHeight="13.5"/>
  <cols>
    <col min="1" max="1" width="2.25" style="165" customWidth="1"/>
    <col min="2" max="2" width="13.25" style="165" customWidth="1"/>
    <col min="3" max="5" width="8.75" style="165" customWidth="1"/>
    <col min="6" max="6" width="8.875" style="165" customWidth="1"/>
    <col min="7" max="8" width="8.25" style="165" customWidth="1"/>
    <col min="9" max="9" width="9.125" style="165" customWidth="1"/>
    <col min="10" max="11" width="8.875" style="165" customWidth="1"/>
    <col min="12" max="12" width="9" style="165"/>
    <col min="13" max="14" width="8.75" style="165" customWidth="1"/>
    <col min="15" max="16384" width="9" style="165"/>
  </cols>
  <sheetData>
    <row r="1" spans="1:14" ht="17.25">
      <c r="A1" s="352" t="s">
        <v>922</v>
      </c>
    </row>
    <row r="2" spans="1:14" ht="15" customHeight="1" thickBot="1">
      <c r="A2" s="524" t="s">
        <v>923</v>
      </c>
      <c r="B2" s="211"/>
      <c r="C2" s="211"/>
      <c r="D2" s="211"/>
      <c r="E2" s="211"/>
      <c r="F2" s="211"/>
      <c r="G2" s="211"/>
      <c r="H2" s="211"/>
      <c r="I2" s="211"/>
      <c r="J2" s="951"/>
      <c r="K2" s="211"/>
      <c r="L2" s="951" t="s">
        <v>904</v>
      </c>
    </row>
    <row r="3" spans="1:14" ht="14.25" thickTop="1">
      <c r="A3" s="902"/>
      <c r="B3" s="902"/>
      <c r="C3" s="1331" t="s">
        <v>905</v>
      </c>
      <c r="D3" s="1332"/>
      <c r="E3" s="1333"/>
      <c r="F3" s="1334" t="s">
        <v>906</v>
      </c>
      <c r="G3" s="1335"/>
      <c r="H3" s="1336"/>
      <c r="I3" s="1334" t="s">
        <v>350</v>
      </c>
      <c r="J3" s="1335"/>
      <c r="K3" s="1336"/>
      <c r="L3" s="1334" t="s">
        <v>351</v>
      </c>
      <c r="M3" s="1335"/>
      <c r="N3" s="1335"/>
    </row>
    <row r="4" spans="1:14">
      <c r="A4" s="1210" t="s">
        <v>843</v>
      </c>
      <c r="B4" s="1211"/>
      <c r="C4" s="904" t="s">
        <v>214</v>
      </c>
      <c r="D4" s="904" t="s">
        <v>556</v>
      </c>
      <c r="E4" s="905" t="s">
        <v>557</v>
      </c>
      <c r="F4" s="903" t="s">
        <v>214</v>
      </c>
      <c r="G4" s="904" t="s">
        <v>556</v>
      </c>
      <c r="H4" s="904" t="s">
        <v>557</v>
      </c>
      <c r="I4" s="969" t="s">
        <v>214</v>
      </c>
      <c r="J4" s="969" t="s">
        <v>556</v>
      </c>
      <c r="K4" s="970" t="s">
        <v>557</v>
      </c>
      <c r="L4" s="903" t="s">
        <v>214</v>
      </c>
      <c r="M4" s="904" t="s">
        <v>556</v>
      </c>
      <c r="N4" s="904" t="s">
        <v>557</v>
      </c>
    </row>
    <row r="5" spans="1:14" s="524" customFormat="1" ht="20.100000000000001" customHeight="1">
      <c r="A5" s="906"/>
      <c r="B5" s="971" t="s">
        <v>908</v>
      </c>
      <c r="C5" s="940">
        <v>474981</v>
      </c>
      <c r="D5" s="939">
        <v>255583</v>
      </c>
      <c r="E5" s="941">
        <v>219398</v>
      </c>
      <c r="F5" s="938">
        <v>46583</v>
      </c>
      <c r="G5" s="939">
        <v>23886</v>
      </c>
      <c r="H5" s="939">
        <v>22697</v>
      </c>
      <c r="I5" s="939">
        <v>398630</v>
      </c>
      <c r="J5" s="939">
        <v>218355</v>
      </c>
      <c r="K5" s="939">
        <v>180275</v>
      </c>
      <c r="L5" s="938">
        <v>29768</v>
      </c>
      <c r="M5" s="939">
        <v>13342</v>
      </c>
      <c r="N5" s="938">
        <v>16426</v>
      </c>
    </row>
    <row r="6" spans="1:14" s="911" customFormat="1" ht="20.100000000000001" customHeight="1">
      <c r="A6" s="1337" t="s">
        <v>845</v>
      </c>
      <c r="B6" s="1338"/>
      <c r="C6" s="940">
        <v>210698</v>
      </c>
      <c r="D6" s="939">
        <v>112183</v>
      </c>
      <c r="E6" s="941">
        <v>98515</v>
      </c>
      <c r="F6" s="938">
        <v>21420</v>
      </c>
      <c r="G6" s="939">
        <v>11028</v>
      </c>
      <c r="H6" s="939">
        <v>10392</v>
      </c>
      <c r="I6" s="939">
        <v>175398</v>
      </c>
      <c r="J6" s="939">
        <v>94952</v>
      </c>
      <c r="K6" s="941">
        <v>80446</v>
      </c>
      <c r="L6" s="938">
        <v>13880</v>
      </c>
      <c r="M6" s="939">
        <v>6203</v>
      </c>
      <c r="N6" s="938">
        <v>7677</v>
      </c>
    </row>
    <row r="7" spans="1:14">
      <c r="A7" s="912"/>
      <c r="B7" s="954" t="s">
        <v>846</v>
      </c>
      <c r="C7" s="918">
        <v>18208</v>
      </c>
      <c r="D7" s="917">
        <v>10180</v>
      </c>
      <c r="E7" s="972">
        <v>8028</v>
      </c>
      <c r="F7" s="973">
        <v>1699</v>
      </c>
      <c r="G7" s="917">
        <v>871</v>
      </c>
      <c r="H7" s="917">
        <v>828</v>
      </c>
      <c r="I7" s="917">
        <v>15493</v>
      </c>
      <c r="J7" s="917">
        <v>8805</v>
      </c>
      <c r="K7" s="917">
        <v>6688</v>
      </c>
      <c r="L7" s="973">
        <v>1016</v>
      </c>
      <c r="M7" s="917">
        <v>504</v>
      </c>
      <c r="N7" s="918">
        <v>512</v>
      </c>
    </row>
    <row r="8" spans="1:14">
      <c r="A8" s="912"/>
      <c r="B8" s="954" t="s">
        <v>847</v>
      </c>
      <c r="C8" s="918">
        <v>16719</v>
      </c>
      <c r="D8" s="917">
        <v>8971</v>
      </c>
      <c r="E8" s="972">
        <v>7748</v>
      </c>
      <c r="F8" s="973">
        <v>1468</v>
      </c>
      <c r="G8" s="917">
        <v>718</v>
      </c>
      <c r="H8" s="917">
        <v>750</v>
      </c>
      <c r="I8" s="917">
        <v>14349</v>
      </c>
      <c r="J8" s="917">
        <v>7843</v>
      </c>
      <c r="K8" s="917">
        <v>6506</v>
      </c>
      <c r="L8" s="973">
        <v>902</v>
      </c>
      <c r="M8" s="917">
        <v>410</v>
      </c>
      <c r="N8" s="918">
        <v>492</v>
      </c>
    </row>
    <row r="9" spans="1:14">
      <c r="A9" s="912"/>
      <c r="B9" s="954" t="s">
        <v>848</v>
      </c>
      <c r="C9" s="918">
        <v>8610</v>
      </c>
      <c r="D9" s="917">
        <v>4821</v>
      </c>
      <c r="E9" s="972">
        <v>3789</v>
      </c>
      <c r="F9" s="973">
        <v>689</v>
      </c>
      <c r="G9" s="917">
        <v>351</v>
      </c>
      <c r="H9" s="917">
        <v>338</v>
      </c>
      <c r="I9" s="917">
        <v>7497</v>
      </c>
      <c r="J9" s="917">
        <v>4261</v>
      </c>
      <c r="K9" s="917">
        <v>3236</v>
      </c>
      <c r="L9" s="973">
        <v>424</v>
      </c>
      <c r="M9" s="917">
        <v>209</v>
      </c>
      <c r="N9" s="918">
        <v>215</v>
      </c>
    </row>
    <row r="10" spans="1:14">
      <c r="A10" s="912"/>
      <c r="B10" s="957" t="s">
        <v>849</v>
      </c>
      <c r="C10" s="918">
        <v>12607</v>
      </c>
      <c r="D10" s="917">
        <v>7079</v>
      </c>
      <c r="E10" s="972">
        <v>5528</v>
      </c>
      <c r="F10" s="973">
        <v>1288</v>
      </c>
      <c r="G10" s="917">
        <v>664</v>
      </c>
      <c r="H10" s="917">
        <v>624</v>
      </c>
      <c r="I10" s="917">
        <v>10436</v>
      </c>
      <c r="J10" s="917">
        <v>5922</v>
      </c>
      <c r="K10" s="917">
        <v>4514</v>
      </c>
      <c r="L10" s="973">
        <v>883</v>
      </c>
      <c r="M10" s="917">
        <v>493</v>
      </c>
      <c r="N10" s="918">
        <v>390</v>
      </c>
    </row>
    <row r="11" spans="1:14">
      <c r="A11" s="912"/>
      <c r="B11" s="957" t="s">
        <v>850</v>
      </c>
      <c r="C11" s="918">
        <v>12637</v>
      </c>
      <c r="D11" s="917">
        <v>6586</v>
      </c>
      <c r="E11" s="972">
        <v>6051</v>
      </c>
      <c r="F11" s="973">
        <v>1065</v>
      </c>
      <c r="G11" s="917">
        <v>536</v>
      </c>
      <c r="H11" s="917">
        <v>529</v>
      </c>
      <c r="I11" s="917">
        <v>10660</v>
      </c>
      <c r="J11" s="917">
        <v>5638</v>
      </c>
      <c r="K11" s="917">
        <v>5022</v>
      </c>
      <c r="L11" s="973">
        <v>912</v>
      </c>
      <c r="M11" s="917">
        <v>412</v>
      </c>
      <c r="N11" s="918">
        <v>500</v>
      </c>
    </row>
    <row r="12" spans="1:14">
      <c r="A12" s="912"/>
      <c r="B12" s="957" t="s">
        <v>917</v>
      </c>
      <c r="C12" s="918">
        <v>11400</v>
      </c>
      <c r="D12" s="917">
        <v>6127</v>
      </c>
      <c r="E12" s="972">
        <v>5273</v>
      </c>
      <c r="F12" s="973">
        <v>1016</v>
      </c>
      <c r="G12" s="917">
        <v>534</v>
      </c>
      <c r="H12" s="917">
        <v>482</v>
      </c>
      <c r="I12" s="917">
        <v>9542</v>
      </c>
      <c r="J12" s="917">
        <v>5237</v>
      </c>
      <c r="K12" s="917">
        <v>4305</v>
      </c>
      <c r="L12" s="973">
        <v>842</v>
      </c>
      <c r="M12" s="917">
        <v>356</v>
      </c>
      <c r="N12" s="918">
        <v>486</v>
      </c>
    </row>
    <row r="13" spans="1:14">
      <c r="A13" s="912"/>
      <c r="B13" s="957" t="s">
        <v>852</v>
      </c>
      <c r="C13" s="918">
        <v>9642</v>
      </c>
      <c r="D13" s="917">
        <v>5218</v>
      </c>
      <c r="E13" s="972">
        <v>4424</v>
      </c>
      <c r="F13" s="973">
        <v>921</v>
      </c>
      <c r="G13" s="917">
        <v>505</v>
      </c>
      <c r="H13" s="917">
        <v>416</v>
      </c>
      <c r="I13" s="917">
        <v>7982</v>
      </c>
      <c r="J13" s="917">
        <v>4404</v>
      </c>
      <c r="K13" s="917">
        <v>3578</v>
      </c>
      <c r="L13" s="973">
        <v>739</v>
      </c>
      <c r="M13" s="917">
        <v>309</v>
      </c>
      <c r="N13" s="918">
        <v>430</v>
      </c>
    </row>
    <row r="14" spans="1:14">
      <c r="A14" s="912"/>
      <c r="B14" s="957" t="s">
        <v>853</v>
      </c>
      <c r="C14" s="918">
        <v>8942</v>
      </c>
      <c r="D14" s="917">
        <v>4639</v>
      </c>
      <c r="E14" s="972">
        <v>4303</v>
      </c>
      <c r="F14" s="973">
        <v>860</v>
      </c>
      <c r="G14" s="917">
        <v>432</v>
      </c>
      <c r="H14" s="917">
        <v>428</v>
      </c>
      <c r="I14" s="917">
        <v>7418</v>
      </c>
      <c r="J14" s="917">
        <v>3912</v>
      </c>
      <c r="K14" s="917">
        <v>3506</v>
      </c>
      <c r="L14" s="973">
        <v>664</v>
      </c>
      <c r="M14" s="917">
        <v>295</v>
      </c>
      <c r="N14" s="918">
        <v>369</v>
      </c>
    </row>
    <row r="15" spans="1:14">
      <c r="A15" s="912"/>
      <c r="B15" s="957" t="s">
        <v>854</v>
      </c>
      <c r="C15" s="918">
        <v>23584</v>
      </c>
      <c r="D15" s="917">
        <v>12530</v>
      </c>
      <c r="E15" s="972">
        <v>11054</v>
      </c>
      <c r="F15" s="973">
        <v>2420</v>
      </c>
      <c r="G15" s="917">
        <v>1285</v>
      </c>
      <c r="H15" s="917">
        <v>1135</v>
      </c>
      <c r="I15" s="917">
        <v>20019</v>
      </c>
      <c r="J15" s="917">
        <v>10690</v>
      </c>
      <c r="K15" s="917">
        <v>9329</v>
      </c>
      <c r="L15" s="973">
        <v>1145</v>
      </c>
      <c r="M15" s="917">
        <v>555</v>
      </c>
      <c r="N15" s="918">
        <v>590</v>
      </c>
    </row>
    <row r="16" spans="1:14">
      <c r="A16" s="912"/>
      <c r="B16" s="957" t="s">
        <v>855</v>
      </c>
      <c r="C16" s="918">
        <v>12548</v>
      </c>
      <c r="D16" s="917">
        <v>6580</v>
      </c>
      <c r="E16" s="972">
        <v>5968</v>
      </c>
      <c r="F16" s="973">
        <v>1415</v>
      </c>
      <c r="G16" s="917">
        <v>719</v>
      </c>
      <c r="H16" s="917">
        <v>696</v>
      </c>
      <c r="I16" s="917">
        <v>10250</v>
      </c>
      <c r="J16" s="917">
        <v>5509</v>
      </c>
      <c r="K16" s="917">
        <v>4741</v>
      </c>
      <c r="L16" s="973">
        <v>883</v>
      </c>
      <c r="M16" s="917">
        <v>352</v>
      </c>
      <c r="N16" s="918">
        <v>531</v>
      </c>
    </row>
    <row r="17" spans="1:14">
      <c r="A17" s="912"/>
      <c r="B17" s="957" t="s">
        <v>856</v>
      </c>
      <c r="C17" s="918">
        <v>9474</v>
      </c>
      <c r="D17" s="917">
        <v>5019</v>
      </c>
      <c r="E17" s="972">
        <v>4455</v>
      </c>
      <c r="F17" s="973">
        <v>867</v>
      </c>
      <c r="G17" s="917">
        <v>459</v>
      </c>
      <c r="H17" s="917">
        <v>408</v>
      </c>
      <c r="I17" s="917">
        <v>7756</v>
      </c>
      <c r="J17" s="917">
        <v>4195</v>
      </c>
      <c r="K17" s="917">
        <v>3561</v>
      </c>
      <c r="L17" s="973">
        <v>851</v>
      </c>
      <c r="M17" s="917">
        <v>365</v>
      </c>
      <c r="N17" s="918">
        <v>486</v>
      </c>
    </row>
    <row r="18" spans="1:14">
      <c r="A18" s="912"/>
      <c r="B18" s="957" t="s">
        <v>857</v>
      </c>
      <c r="C18" s="918">
        <v>10028</v>
      </c>
      <c r="D18" s="917">
        <v>5171</v>
      </c>
      <c r="E18" s="972">
        <v>4857</v>
      </c>
      <c r="F18" s="973">
        <v>918</v>
      </c>
      <c r="G18" s="917">
        <v>489</v>
      </c>
      <c r="H18" s="917">
        <v>429</v>
      </c>
      <c r="I18" s="917">
        <v>8230</v>
      </c>
      <c r="J18" s="917">
        <v>4311</v>
      </c>
      <c r="K18" s="917">
        <v>3919</v>
      </c>
      <c r="L18" s="973">
        <v>880</v>
      </c>
      <c r="M18" s="917">
        <v>371</v>
      </c>
      <c r="N18" s="918">
        <v>509</v>
      </c>
    </row>
    <row r="19" spans="1:14">
      <c r="A19" s="912"/>
      <c r="B19" s="957" t="s">
        <v>858</v>
      </c>
      <c r="C19" s="918">
        <v>9580</v>
      </c>
      <c r="D19" s="917">
        <v>4953</v>
      </c>
      <c r="E19" s="972">
        <v>4627</v>
      </c>
      <c r="F19" s="973">
        <v>1152</v>
      </c>
      <c r="G19" s="917">
        <v>571</v>
      </c>
      <c r="H19" s="917">
        <v>581</v>
      </c>
      <c r="I19" s="917">
        <v>7831</v>
      </c>
      <c r="J19" s="917">
        <v>4124</v>
      </c>
      <c r="K19" s="917">
        <v>3707</v>
      </c>
      <c r="L19" s="973">
        <v>597</v>
      </c>
      <c r="M19" s="917">
        <v>258</v>
      </c>
      <c r="N19" s="918">
        <v>339</v>
      </c>
    </row>
    <row r="20" spans="1:14">
      <c r="A20" s="912"/>
      <c r="B20" s="957" t="s">
        <v>859</v>
      </c>
      <c r="C20" s="918">
        <v>5380</v>
      </c>
      <c r="D20" s="917">
        <v>2798</v>
      </c>
      <c r="E20" s="972">
        <v>2582</v>
      </c>
      <c r="F20" s="973">
        <v>584</v>
      </c>
      <c r="G20" s="917">
        <v>317</v>
      </c>
      <c r="H20" s="917">
        <v>267</v>
      </c>
      <c r="I20" s="917">
        <v>4347</v>
      </c>
      <c r="J20" s="917">
        <v>2311</v>
      </c>
      <c r="K20" s="917">
        <v>2036</v>
      </c>
      <c r="L20" s="973">
        <v>449</v>
      </c>
      <c r="M20" s="917">
        <v>170</v>
      </c>
      <c r="N20" s="918">
        <v>279</v>
      </c>
    </row>
    <row r="21" spans="1:14">
      <c r="A21" s="912"/>
      <c r="B21" s="957" t="s">
        <v>860</v>
      </c>
      <c r="C21" s="918">
        <v>5490</v>
      </c>
      <c r="D21" s="917">
        <v>2917</v>
      </c>
      <c r="E21" s="972">
        <v>2573</v>
      </c>
      <c r="F21" s="973">
        <v>563</v>
      </c>
      <c r="G21" s="917">
        <v>287</v>
      </c>
      <c r="H21" s="917">
        <v>276</v>
      </c>
      <c r="I21" s="917">
        <v>4471</v>
      </c>
      <c r="J21" s="917">
        <v>2453</v>
      </c>
      <c r="K21" s="917">
        <v>2018</v>
      </c>
      <c r="L21" s="973">
        <v>456</v>
      </c>
      <c r="M21" s="917">
        <v>177</v>
      </c>
      <c r="N21" s="918">
        <v>279</v>
      </c>
    </row>
    <row r="22" spans="1:14">
      <c r="A22" s="912"/>
      <c r="B22" s="957" t="s">
        <v>861</v>
      </c>
      <c r="C22" s="918">
        <v>6521</v>
      </c>
      <c r="D22" s="917">
        <v>3372</v>
      </c>
      <c r="E22" s="972">
        <v>3149</v>
      </c>
      <c r="F22" s="973">
        <v>779</v>
      </c>
      <c r="G22" s="917">
        <v>411</v>
      </c>
      <c r="H22" s="917">
        <v>368</v>
      </c>
      <c r="I22" s="917">
        <v>5253</v>
      </c>
      <c r="J22" s="917">
        <v>2747</v>
      </c>
      <c r="K22" s="917">
        <v>2506</v>
      </c>
      <c r="L22" s="973">
        <v>489</v>
      </c>
      <c r="M22" s="917">
        <v>214</v>
      </c>
      <c r="N22" s="918">
        <v>275</v>
      </c>
    </row>
    <row r="23" spans="1:14">
      <c r="A23" s="912"/>
      <c r="B23" s="957" t="s">
        <v>862</v>
      </c>
      <c r="C23" s="918">
        <v>17497</v>
      </c>
      <c r="D23" s="917">
        <v>9124</v>
      </c>
      <c r="E23" s="972">
        <v>8373</v>
      </c>
      <c r="F23" s="973">
        <v>2023</v>
      </c>
      <c r="G23" s="917">
        <v>1042</v>
      </c>
      <c r="H23" s="917">
        <v>981</v>
      </c>
      <c r="I23" s="917">
        <v>14424</v>
      </c>
      <c r="J23" s="917">
        <v>7636</v>
      </c>
      <c r="K23" s="917">
        <v>6788</v>
      </c>
      <c r="L23" s="973">
        <v>1050</v>
      </c>
      <c r="M23" s="917">
        <v>446</v>
      </c>
      <c r="N23" s="918">
        <v>604</v>
      </c>
    </row>
    <row r="24" spans="1:14">
      <c r="A24" s="912"/>
      <c r="B24" s="957" t="s">
        <v>308</v>
      </c>
      <c r="C24" s="918">
        <v>11831</v>
      </c>
      <c r="D24" s="917">
        <v>6098</v>
      </c>
      <c r="E24" s="972">
        <v>5733</v>
      </c>
      <c r="F24" s="973">
        <v>1693</v>
      </c>
      <c r="G24" s="917">
        <v>837</v>
      </c>
      <c r="H24" s="917">
        <v>856</v>
      </c>
      <c r="I24" s="917">
        <v>9440</v>
      </c>
      <c r="J24" s="917">
        <v>4954</v>
      </c>
      <c r="K24" s="917">
        <v>4486</v>
      </c>
      <c r="L24" s="973">
        <v>698</v>
      </c>
      <c r="M24" s="917">
        <v>307</v>
      </c>
      <c r="N24" s="918">
        <v>391</v>
      </c>
    </row>
    <row r="25" spans="1:14" s="911" customFormat="1" ht="20.100000000000001" customHeight="1">
      <c r="A25" s="1337" t="s">
        <v>863</v>
      </c>
      <c r="B25" s="1338"/>
      <c r="C25" s="940">
        <v>98942</v>
      </c>
      <c r="D25" s="939">
        <v>53394</v>
      </c>
      <c r="E25" s="941">
        <v>45548</v>
      </c>
      <c r="F25" s="938">
        <v>9735</v>
      </c>
      <c r="G25" s="939">
        <v>5008</v>
      </c>
      <c r="H25" s="938">
        <v>4727</v>
      </c>
      <c r="I25" s="939">
        <v>84267</v>
      </c>
      <c r="J25" s="939">
        <v>46015</v>
      </c>
      <c r="K25" s="941">
        <v>38252</v>
      </c>
      <c r="L25" s="938">
        <v>4940</v>
      </c>
      <c r="M25" s="939">
        <v>2371</v>
      </c>
      <c r="N25" s="938">
        <v>2569</v>
      </c>
    </row>
    <row r="26" spans="1:14">
      <c r="A26" s="912"/>
      <c r="B26" s="957" t="s">
        <v>864</v>
      </c>
      <c r="C26" s="918">
        <v>15119</v>
      </c>
      <c r="D26" s="917">
        <v>9014</v>
      </c>
      <c r="E26" s="972">
        <v>6105</v>
      </c>
      <c r="F26" s="973">
        <v>1216</v>
      </c>
      <c r="G26" s="917">
        <v>639</v>
      </c>
      <c r="H26" s="917">
        <v>577</v>
      </c>
      <c r="I26" s="917">
        <v>13017</v>
      </c>
      <c r="J26" s="917">
        <v>7851</v>
      </c>
      <c r="K26" s="917">
        <v>5166</v>
      </c>
      <c r="L26" s="973">
        <v>886</v>
      </c>
      <c r="M26" s="917">
        <v>524</v>
      </c>
      <c r="N26" s="918">
        <v>362</v>
      </c>
    </row>
    <row r="27" spans="1:14">
      <c r="A27" s="912"/>
      <c r="B27" s="957" t="s">
        <v>865</v>
      </c>
      <c r="C27" s="918">
        <v>10044</v>
      </c>
      <c r="D27" s="917">
        <v>5541</v>
      </c>
      <c r="E27" s="972">
        <v>4503</v>
      </c>
      <c r="F27" s="973">
        <v>1100</v>
      </c>
      <c r="G27" s="917">
        <v>557</v>
      </c>
      <c r="H27" s="917">
        <v>543</v>
      </c>
      <c r="I27" s="917">
        <v>8383</v>
      </c>
      <c r="J27" s="917">
        <v>4724</v>
      </c>
      <c r="K27" s="917">
        <v>3659</v>
      </c>
      <c r="L27" s="973">
        <v>561</v>
      </c>
      <c r="M27" s="917">
        <v>260</v>
      </c>
      <c r="N27" s="918">
        <v>301</v>
      </c>
    </row>
    <row r="28" spans="1:14">
      <c r="A28" s="912"/>
      <c r="B28" s="957" t="s">
        <v>866</v>
      </c>
      <c r="C28" s="918">
        <v>20567</v>
      </c>
      <c r="D28" s="917">
        <v>10952</v>
      </c>
      <c r="E28" s="972">
        <v>9615</v>
      </c>
      <c r="F28" s="973">
        <v>2170</v>
      </c>
      <c r="G28" s="917">
        <v>1123</v>
      </c>
      <c r="H28" s="917">
        <v>1047</v>
      </c>
      <c r="I28" s="917">
        <v>17619</v>
      </c>
      <c r="J28" s="917">
        <v>9479</v>
      </c>
      <c r="K28" s="917">
        <v>8140</v>
      </c>
      <c r="L28" s="973">
        <v>778</v>
      </c>
      <c r="M28" s="917">
        <v>350</v>
      </c>
      <c r="N28" s="918">
        <v>428</v>
      </c>
    </row>
    <row r="29" spans="1:14">
      <c r="A29" s="912"/>
      <c r="B29" s="957" t="s">
        <v>867</v>
      </c>
      <c r="C29" s="918">
        <v>15850</v>
      </c>
      <c r="D29" s="917">
        <v>8403</v>
      </c>
      <c r="E29" s="972">
        <v>7447</v>
      </c>
      <c r="F29" s="973">
        <v>1645</v>
      </c>
      <c r="G29" s="917">
        <v>816</v>
      </c>
      <c r="H29" s="917">
        <v>829</v>
      </c>
      <c r="I29" s="917">
        <v>13449</v>
      </c>
      <c r="J29" s="917">
        <v>7227</v>
      </c>
      <c r="K29" s="917">
        <v>6222</v>
      </c>
      <c r="L29" s="973">
        <v>756</v>
      </c>
      <c r="M29" s="917">
        <v>360</v>
      </c>
      <c r="N29" s="918">
        <v>396</v>
      </c>
    </row>
    <row r="30" spans="1:14">
      <c r="A30" s="912"/>
      <c r="B30" s="957" t="s">
        <v>868</v>
      </c>
      <c r="C30" s="918">
        <v>14769</v>
      </c>
      <c r="D30" s="917">
        <v>7839</v>
      </c>
      <c r="E30" s="972">
        <v>6930</v>
      </c>
      <c r="F30" s="973">
        <v>1152</v>
      </c>
      <c r="G30" s="917">
        <v>595</v>
      </c>
      <c r="H30" s="917">
        <v>557</v>
      </c>
      <c r="I30" s="917">
        <v>12956</v>
      </c>
      <c r="J30" s="917">
        <v>6935</v>
      </c>
      <c r="K30" s="917">
        <v>6021</v>
      </c>
      <c r="L30" s="973">
        <v>661</v>
      </c>
      <c r="M30" s="917">
        <v>309</v>
      </c>
      <c r="N30" s="918">
        <v>352</v>
      </c>
    </row>
    <row r="31" spans="1:14">
      <c r="A31" s="912"/>
      <c r="B31" s="957" t="s">
        <v>312</v>
      </c>
      <c r="C31" s="918">
        <v>12886</v>
      </c>
      <c r="D31" s="917">
        <v>6678</v>
      </c>
      <c r="E31" s="972">
        <v>6208</v>
      </c>
      <c r="F31" s="973">
        <v>1425</v>
      </c>
      <c r="G31" s="917">
        <v>738</v>
      </c>
      <c r="H31" s="917">
        <v>687</v>
      </c>
      <c r="I31" s="917">
        <v>10737</v>
      </c>
      <c r="J31" s="917">
        <v>5618</v>
      </c>
      <c r="K31" s="917">
        <v>5119</v>
      </c>
      <c r="L31" s="973">
        <v>724</v>
      </c>
      <c r="M31" s="917">
        <v>322</v>
      </c>
      <c r="N31" s="918">
        <v>402</v>
      </c>
    </row>
    <row r="32" spans="1:14">
      <c r="A32" s="912"/>
      <c r="B32" s="957" t="s">
        <v>869</v>
      </c>
      <c r="C32" s="918">
        <v>9707</v>
      </c>
      <c r="D32" s="917">
        <v>4967</v>
      </c>
      <c r="E32" s="972">
        <v>4740</v>
      </c>
      <c r="F32" s="973">
        <v>1027</v>
      </c>
      <c r="G32" s="917">
        <v>540</v>
      </c>
      <c r="H32" s="917">
        <v>487</v>
      </c>
      <c r="I32" s="917">
        <v>8106</v>
      </c>
      <c r="J32" s="917">
        <v>4181</v>
      </c>
      <c r="K32" s="917">
        <v>3925</v>
      </c>
      <c r="L32" s="973">
        <v>574</v>
      </c>
      <c r="M32" s="917">
        <v>246</v>
      </c>
      <c r="N32" s="918">
        <v>328</v>
      </c>
    </row>
    <row r="33" spans="1:14" s="524" customFormat="1" ht="20.100000000000001" customHeight="1">
      <c r="A33" s="1329" t="s">
        <v>870</v>
      </c>
      <c r="B33" s="1330"/>
      <c r="C33" s="940">
        <v>28028</v>
      </c>
      <c r="D33" s="939">
        <v>15943</v>
      </c>
      <c r="E33" s="941">
        <v>12085</v>
      </c>
      <c r="F33" s="938">
        <v>2431</v>
      </c>
      <c r="G33" s="939">
        <v>1208</v>
      </c>
      <c r="H33" s="938">
        <v>1223</v>
      </c>
      <c r="I33" s="939">
        <v>23330</v>
      </c>
      <c r="J33" s="939">
        <v>13817</v>
      </c>
      <c r="K33" s="941">
        <v>9513</v>
      </c>
      <c r="L33" s="938">
        <v>2267</v>
      </c>
      <c r="M33" s="939">
        <v>918</v>
      </c>
      <c r="N33" s="938">
        <v>1349</v>
      </c>
    </row>
    <row r="34" spans="1:14">
      <c r="A34" s="912"/>
      <c r="B34" s="957" t="s">
        <v>871</v>
      </c>
      <c r="C34" s="918">
        <v>16007</v>
      </c>
      <c r="D34" s="917">
        <v>9949</v>
      </c>
      <c r="E34" s="972">
        <v>6058</v>
      </c>
      <c r="F34" s="973">
        <v>1271</v>
      </c>
      <c r="G34" s="917">
        <v>659</v>
      </c>
      <c r="H34" s="917">
        <v>612</v>
      </c>
      <c r="I34" s="917">
        <v>13780</v>
      </c>
      <c r="J34" s="917">
        <v>8895</v>
      </c>
      <c r="K34" s="917">
        <v>4885</v>
      </c>
      <c r="L34" s="973">
        <v>956</v>
      </c>
      <c r="M34" s="917">
        <v>395</v>
      </c>
      <c r="N34" s="918">
        <v>561</v>
      </c>
    </row>
    <row r="35" spans="1:14">
      <c r="A35" s="912"/>
      <c r="B35" s="957" t="s">
        <v>872</v>
      </c>
      <c r="C35" s="918">
        <v>7023</v>
      </c>
      <c r="D35" s="917">
        <v>3554</v>
      </c>
      <c r="E35" s="972">
        <v>3469</v>
      </c>
      <c r="F35" s="973">
        <v>604</v>
      </c>
      <c r="G35" s="917">
        <v>285</v>
      </c>
      <c r="H35" s="917">
        <v>319</v>
      </c>
      <c r="I35" s="917">
        <v>5742</v>
      </c>
      <c r="J35" s="917">
        <v>3001</v>
      </c>
      <c r="K35" s="917">
        <v>2741</v>
      </c>
      <c r="L35" s="973">
        <v>677</v>
      </c>
      <c r="M35" s="917">
        <v>268</v>
      </c>
      <c r="N35" s="918">
        <v>409</v>
      </c>
    </row>
    <row r="36" spans="1:14">
      <c r="A36" s="912"/>
      <c r="B36" s="957" t="s">
        <v>873</v>
      </c>
      <c r="C36" s="918">
        <v>2285</v>
      </c>
      <c r="D36" s="917">
        <v>1102</v>
      </c>
      <c r="E36" s="972">
        <v>1183</v>
      </c>
      <c r="F36" s="973">
        <v>273</v>
      </c>
      <c r="G36" s="917">
        <v>124</v>
      </c>
      <c r="H36" s="917">
        <v>149</v>
      </c>
      <c r="I36" s="917">
        <v>1705</v>
      </c>
      <c r="J36" s="917">
        <v>856</v>
      </c>
      <c r="K36" s="917">
        <v>849</v>
      </c>
      <c r="L36" s="973">
        <v>307</v>
      </c>
      <c r="M36" s="917">
        <v>122</v>
      </c>
      <c r="N36" s="918">
        <v>185</v>
      </c>
    </row>
    <row r="37" spans="1:14">
      <c r="A37" s="912"/>
      <c r="B37" s="957" t="s">
        <v>874</v>
      </c>
      <c r="C37" s="918">
        <v>1357</v>
      </c>
      <c r="D37" s="917">
        <v>683</v>
      </c>
      <c r="E37" s="972">
        <v>674</v>
      </c>
      <c r="F37" s="973">
        <v>117</v>
      </c>
      <c r="G37" s="917">
        <v>57</v>
      </c>
      <c r="H37" s="917">
        <v>60</v>
      </c>
      <c r="I37" s="917">
        <v>1080</v>
      </c>
      <c r="J37" s="917">
        <v>567</v>
      </c>
      <c r="K37" s="917">
        <v>513</v>
      </c>
      <c r="L37" s="973">
        <v>160</v>
      </c>
      <c r="M37" s="917">
        <v>59</v>
      </c>
      <c r="N37" s="918">
        <v>101</v>
      </c>
    </row>
    <row r="38" spans="1:14">
      <c r="A38" s="912"/>
      <c r="B38" s="957" t="s">
        <v>875</v>
      </c>
      <c r="C38" s="918">
        <v>1356</v>
      </c>
      <c r="D38" s="917">
        <v>655</v>
      </c>
      <c r="E38" s="972">
        <v>701</v>
      </c>
      <c r="F38" s="973">
        <v>166</v>
      </c>
      <c r="G38" s="917">
        <v>83</v>
      </c>
      <c r="H38" s="917">
        <v>83</v>
      </c>
      <c r="I38" s="917">
        <v>1023</v>
      </c>
      <c r="J38" s="917">
        <v>498</v>
      </c>
      <c r="K38" s="917">
        <v>525</v>
      </c>
      <c r="L38" s="973">
        <v>167</v>
      </c>
      <c r="M38" s="917">
        <v>74</v>
      </c>
      <c r="N38" s="918">
        <v>93</v>
      </c>
    </row>
    <row r="39" spans="1:14" s="524" customFormat="1" ht="20.100000000000001" customHeight="1">
      <c r="A39" s="1329" t="s">
        <v>918</v>
      </c>
      <c r="B39" s="1330"/>
      <c r="C39" s="940">
        <v>73423</v>
      </c>
      <c r="D39" s="939">
        <v>40059</v>
      </c>
      <c r="E39" s="941">
        <v>33364</v>
      </c>
      <c r="F39" s="938">
        <v>7159</v>
      </c>
      <c r="G39" s="939">
        <v>3686</v>
      </c>
      <c r="H39" s="938">
        <v>3473</v>
      </c>
      <c r="I39" s="939">
        <v>61886</v>
      </c>
      <c r="J39" s="939">
        <v>34414</v>
      </c>
      <c r="K39" s="941">
        <v>27472</v>
      </c>
      <c r="L39" s="938">
        <v>4378</v>
      </c>
      <c r="M39" s="939">
        <v>1959</v>
      </c>
      <c r="N39" s="938">
        <v>2419</v>
      </c>
    </row>
    <row r="40" spans="1:14" s="524" customFormat="1">
      <c r="A40" s="1339" t="s">
        <v>924</v>
      </c>
      <c r="B40" s="1340"/>
      <c r="C40" s="918">
        <v>33297</v>
      </c>
      <c r="D40" s="917">
        <v>17534</v>
      </c>
      <c r="E40" s="972">
        <v>15763</v>
      </c>
      <c r="F40" s="973">
        <v>3039</v>
      </c>
      <c r="G40" s="917">
        <v>1515</v>
      </c>
      <c r="H40" s="917">
        <v>1524</v>
      </c>
      <c r="I40" s="917">
        <v>28241</v>
      </c>
      <c r="J40" s="917">
        <v>15117</v>
      </c>
      <c r="K40" s="917">
        <v>13124</v>
      </c>
      <c r="L40" s="973">
        <v>2017</v>
      </c>
      <c r="M40" s="917">
        <v>902</v>
      </c>
      <c r="N40" s="918">
        <v>1115</v>
      </c>
    </row>
    <row r="41" spans="1:14" s="524" customFormat="1">
      <c r="A41" s="924"/>
      <c r="B41" s="957" t="s">
        <v>878</v>
      </c>
      <c r="C41" s="918">
        <v>7567</v>
      </c>
      <c r="D41" s="917">
        <v>4095</v>
      </c>
      <c r="E41" s="972">
        <v>3472</v>
      </c>
      <c r="F41" s="973">
        <v>702</v>
      </c>
      <c r="G41" s="917">
        <v>352</v>
      </c>
      <c r="H41" s="917">
        <v>350</v>
      </c>
      <c r="I41" s="917">
        <v>6470</v>
      </c>
      <c r="J41" s="917">
        <v>3567</v>
      </c>
      <c r="K41" s="917">
        <v>2903</v>
      </c>
      <c r="L41" s="973">
        <v>395</v>
      </c>
      <c r="M41" s="917">
        <v>176</v>
      </c>
      <c r="N41" s="918">
        <v>219</v>
      </c>
    </row>
    <row r="42" spans="1:14" s="524" customFormat="1">
      <c r="A42" s="924"/>
      <c r="B42" s="957" t="s">
        <v>879</v>
      </c>
      <c r="C42" s="918">
        <v>11937</v>
      </c>
      <c r="D42" s="917">
        <v>6431</v>
      </c>
      <c r="E42" s="972">
        <v>5506</v>
      </c>
      <c r="F42" s="973">
        <v>1055</v>
      </c>
      <c r="G42" s="917">
        <v>543</v>
      </c>
      <c r="H42" s="917">
        <v>512</v>
      </c>
      <c r="I42" s="917">
        <v>10194</v>
      </c>
      <c r="J42" s="917">
        <v>5568</v>
      </c>
      <c r="K42" s="917">
        <v>4626</v>
      </c>
      <c r="L42" s="973">
        <v>688</v>
      </c>
      <c r="M42" s="917">
        <v>320</v>
      </c>
      <c r="N42" s="918">
        <v>368</v>
      </c>
    </row>
    <row r="43" spans="1:14" s="524" customFormat="1" ht="18.75" customHeight="1">
      <c r="A43" s="924"/>
      <c r="B43" s="958" t="s">
        <v>880</v>
      </c>
      <c r="C43" s="931">
        <v>13793</v>
      </c>
      <c r="D43" s="930">
        <v>7008</v>
      </c>
      <c r="E43" s="974">
        <v>6785</v>
      </c>
      <c r="F43" s="975">
        <v>1282</v>
      </c>
      <c r="G43" s="930">
        <v>620</v>
      </c>
      <c r="H43" s="930">
        <v>662</v>
      </c>
      <c r="I43" s="930">
        <v>11577</v>
      </c>
      <c r="J43" s="930">
        <v>5982</v>
      </c>
      <c r="K43" s="930">
        <v>5595</v>
      </c>
      <c r="L43" s="975">
        <v>934</v>
      </c>
      <c r="M43" s="930">
        <v>406</v>
      </c>
      <c r="N43" s="931">
        <v>528</v>
      </c>
    </row>
    <row r="44" spans="1:14">
      <c r="A44" s="912"/>
      <c r="B44" s="957" t="s">
        <v>881</v>
      </c>
      <c r="C44" s="918">
        <v>10580</v>
      </c>
      <c r="D44" s="917">
        <v>6234</v>
      </c>
      <c r="E44" s="972">
        <v>4346</v>
      </c>
      <c r="F44" s="973">
        <v>963</v>
      </c>
      <c r="G44" s="917">
        <v>505</v>
      </c>
      <c r="H44" s="917">
        <v>458</v>
      </c>
      <c r="I44" s="917">
        <v>9093</v>
      </c>
      <c r="J44" s="917">
        <v>5489</v>
      </c>
      <c r="K44" s="917">
        <v>3604</v>
      </c>
      <c r="L44" s="973">
        <v>524</v>
      </c>
      <c r="M44" s="917">
        <v>240</v>
      </c>
      <c r="N44" s="918">
        <v>284</v>
      </c>
    </row>
    <row r="45" spans="1:14">
      <c r="A45" s="912"/>
      <c r="B45" s="957" t="s">
        <v>882</v>
      </c>
      <c r="C45" s="918">
        <v>11265</v>
      </c>
      <c r="D45" s="917">
        <v>6096</v>
      </c>
      <c r="E45" s="972">
        <v>5169</v>
      </c>
      <c r="F45" s="973">
        <v>1186</v>
      </c>
      <c r="G45" s="917">
        <v>613</v>
      </c>
      <c r="H45" s="917">
        <v>573</v>
      </c>
      <c r="I45" s="917">
        <v>9405</v>
      </c>
      <c r="J45" s="917">
        <v>5183</v>
      </c>
      <c r="K45" s="917">
        <v>4222</v>
      </c>
      <c r="L45" s="973">
        <v>674</v>
      </c>
      <c r="M45" s="917">
        <v>300</v>
      </c>
      <c r="N45" s="918">
        <v>374</v>
      </c>
    </row>
    <row r="46" spans="1:14">
      <c r="A46" s="912"/>
      <c r="B46" s="957" t="s">
        <v>883</v>
      </c>
      <c r="C46" s="918">
        <v>5842</v>
      </c>
      <c r="D46" s="917">
        <v>3277</v>
      </c>
      <c r="E46" s="972">
        <v>2565</v>
      </c>
      <c r="F46" s="973">
        <v>619</v>
      </c>
      <c r="G46" s="917">
        <v>325</v>
      </c>
      <c r="H46" s="917">
        <v>294</v>
      </c>
      <c r="I46" s="917">
        <v>4873</v>
      </c>
      <c r="J46" s="917">
        <v>2787</v>
      </c>
      <c r="K46" s="917">
        <v>2086</v>
      </c>
      <c r="L46" s="973">
        <v>350</v>
      </c>
      <c r="M46" s="917">
        <v>165</v>
      </c>
      <c r="N46" s="918">
        <v>185</v>
      </c>
    </row>
    <row r="47" spans="1:14">
      <c r="A47" s="912"/>
      <c r="B47" s="957" t="s">
        <v>884</v>
      </c>
      <c r="C47" s="918">
        <v>6418</v>
      </c>
      <c r="D47" s="917">
        <v>3455</v>
      </c>
      <c r="E47" s="972">
        <v>2963</v>
      </c>
      <c r="F47" s="973">
        <v>677</v>
      </c>
      <c r="G47" s="917">
        <v>350</v>
      </c>
      <c r="H47" s="917">
        <v>327</v>
      </c>
      <c r="I47" s="917">
        <v>5306</v>
      </c>
      <c r="J47" s="917">
        <v>2920</v>
      </c>
      <c r="K47" s="917">
        <v>2386</v>
      </c>
      <c r="L47" s="973">
        <v>435</v>
      </c>
      <c r="M47" s="917">
        <v>185</v>
      </c>
      <c r="N47" s="918">
        <v>250</v>
      </c>
    </row>
    <row r="48" spans="1:14">
      <c r="A48" s="912"/>
      <c r="B48" s="957" t="s">
        <v>885</v>
      </c>
      <c r="C48" s="918">
        <v>4012</v>
      </c>
      <c r="D48" s="917">
        <v>2306</v>
      </c>
      <c r="E48" s="972">
        <v>1706</v>
      </c>
      <c r="F48" s="973">
        <v>451</v>
      </c>
      <c r="G48" s="917">
        <v>256</v>
      </c>
      <c r="H48" s="917">
        <v>195</v>
      </c>
      <c r="I48" s="917">
        <v>3302</v>
      </c>
      <c r="J48" s="917">
        <v>1932</v>
      </c>
      <c r="K48" s="917">
        <v>1370</v>
      </c>
      <c r="L48" s="973">
        <v>259</v>
      </c>
      <c r="M48" s="917">
        <v>118</v>
      </c>
      <c r="N48" s="918">
        <v>141</v>
      </c>
    </row>
    <row r="49" spans="1:14">
      <c r="A49" s="912"/>
      <c r="B49" s="957" t="s">
        <v>886</v>
      </c>
      <c r="C49" s="918">
        <v>1903</v>
      </c>
      <c r="D49" s="917">
        <v>1102</v>
      </c>
      <c r="E49" s="972">
        <v>801</v>
      </c>
      <c r="F49" s="973">
        <v>207</v>
      </c>
      <c r="G49" s="917">
        <v>113</v>
      </c>
      <c r="H49" s="917">
        <v>94</v>
      </c>
      <c r="I49" s="917">
        <v>1590</v>
      </c>
      <c r="J49" s="917">
        <v>945</v>
      </c>
      <c r="K49" s="917">
        <v>645</v>
      </c>
      <c r="L49" s="973">
        <v>106</v>
      </c>
      <c r="M49" s="917">
        <v>44</v>
      </c>
      <c r="N49" s="918">
        <v>62</v>
      </c>
    </row>
    <row r="50" spans="1:14">
      <c r="A50" s="912"/>
      <c r="B50" s="957" t="s">
        <v>324</v>
      </c>
      <c r="C50" s="918">
        <v>106</v>
      </c>
      <c r="D50" s="917">
        <v>55</v>
      </c>
      <c r="E50" s="972">
        <v>51</v>
      </c>
      <c r="F50" s="973">
        <v>17</v>
      </c>
      <c r="G50" s="917">
        <v>9</v>
      </c>
      <c r="H50" s="917">
        <v>8</v>
      </c>
      <c r="I50" s="917">
        <v>76</v>
      </c>
      <c r="J50" s="917">
        <v>41</v>
      </c>
      <c r="K50" s="917">
        <v>35</v>
      </c>
      <c r="L50" s="973">
        <v>13</v>
      </c>
      <c r="M50" s="917">
        <v>5</v>
      </c>
      <c r="N50" s="918">
        <v>8</v>
      </c>
    </row>
    <row r="51" spans="1:14" s="524" customFormat="1" ht="20.100000000000001" customHeight="1">
      <c r="A51" s="1329" t="s">
        <v>920</v>
      </c>
      <c r="B51" s="1330"/>
      <c r="C51" s="940">
        <v>49297</v>
      </c>
      <c r="D51" s="939">
        <v>26857</v>
      </c>
      <c r="E51" s="941">
        <v>22440</v>
      </c>
      <c r="F51" s="938">
        <v>4651</v>
      </c>
      <c r="G51" s="939">
        <v>2379</v>
      </c>
      <c r="H51" s="938">
        <v>2272</v>
      </c>
      <c r="I51" s="939">
        <v>41461</v>
      </c>
      <c r="J51" s="939">
        <v>23092</v>
      </c>
      <c r="K51" s="941">
        <v>18369</v>
      </c>
      <c r="L51" s="938">
        <v>3185</v>
      </c>
      <c r="M51" s="939">
        <v>1386</v>
      </c>
      <c r="N51" s="938">
        <v>1799</v>
      </c>
    </row>
    <row r="52" spans="1:14">
      <c r="A52" s="912"/>
      <c r="B52" s="957" t="s">
        <v>888</v>
      </c>
      <c r="C52" s="918">
        <v>8494</v>
      </c>
      <c r="D52" s="917">
        <v>4667</v>
      </c>
      <c r="E52" s="972">
        <v>3827</v>
      </c>
      <c r="F52" s="973">
        <v>794</v>
      </c>
      <c r="G52" s="917">
        <v>398</v>
      </c>
      <c r="H52" s="917">
        <v>396</v>
      </c>
      <c r="I52" s="917">
        <v>7173</v>
      </c>
      <c r="J52" s="917">
        <v>4044</v>
      </c>
      <c r="K52" s="917">
        <v>3129</v>
      </c>
      <c r="L52" s="973">
        <v>527</v>
      </c>
      <c r="M52" s="917">
        <v>225</v>
      </c>
      <c r="N52" s="918">
        <v>302</v>
      </c>
    </row>
    <row r="53" spans="1:14">
      <c r="A53" s="912"/>
      <c r="B53" s="957" t="s">
        <v>889</v>
      </c>
      <c r="C53" s="918">
        <v>17358</v>
      </c>
      <c r="D53" s="917">
        <v>9524</v>
      </c>
      <c r="E53" s="972">
        <v>7834</v>
      </c>
      <c r="F53" s="973">
        <v>1650</v>
      </c>
      <c r="G53" s="917">
        <v>835</v>
      </c>
      <c r="H53" s="917">
        <v>815</v>
      </c>
      <c r="I53" s="917">
        <v>14629</v>
      </c>
      <c r="J53" s="917">
        <v>8229</v>
      </c>
      <c r="K53" s="917">
        <v>6400</v>
      </c>
      <c r="L53" s="973">
        <v>1079</v>
      </c>
      <c r="M53" s="917">
        <v>460</v>
      </c>
      <c r="N53" s="918">
        <v>619</v>
      </c>
    </row>
    <row r="54" spans="1:14">
      <c r="A54" s="912"/>
      <c r="B54" s="957" t="s">
        <v>890</v>
      </c>
      <c r="C54" s="918">
        <v>8545</v>
      </c>
      <c r="D54" s="917">
        <v>4448</v>
      </c>
      <c r="E54" s="972">
        <v>4097</v>
      </c>
      <c r="F54" s="973">
        <v>859</v>
      </c>
      <c r="G54" s="917">
        <v>437</v>
      </c>
      <c r="H54" s="917">
        <v>422</v>
      </c>
      <c r="I54" s="917">
        <v>7062</v>
      </c>
      <c r="J54" s="917">
        <v>3740</v>
      </c>
      <c r="K54" s="917">
        <v>3322</v>
      </c>
      <c r="L54" s="973">
        <v>624</v>
      </c>
      <c r="M54" s="917">
        <v>271</v>
      </c>
      <c r="N54" s="918">
        <v>353</v>
      </c>
    </row>
    <row r="55" spans="1:14">
      <c r="A55" s="912"/>
      <c r="B55" s="957" t="s">
        <v>891</v>
      </c>
      <c r="C55" s="918">
        <v>5781</v>
      </c>
      <c r="D55" s="917">
        <v>3187</v>
      </c>
      <c r="E55" s="972">
        <v>2594</v>
      </c>
      <c r="F55" s="973">
        <v>439</v>
      </c>
      <c r="G55" s="917">
        <v>243</v>
      </c>
      <c r="H55" s="917">
        <v>196</v>
      </c>
      <c r="I55" s="917">
        <v>4969</v>
      </c>
      <c r="J55" s="917">
        <v>2772</v>
      </c>
      <c r="K55" s="917">
        <v>2197</v>
      </c>
      <c r="L55" s="973">
        <v>373</v>
      </c>
      <c r="M55" s="917">
        <v>172</v>
      </c>
      <c r="N55" s="918">
        <v>201</v>
      </c>
    </row>
    <row r="56" spans="1:14">
      <c r="A56" s="912"/>
      <c r="B56" s="957" t="s">
        <v>892</v>
      </c>
      <c r="C56" s="918">
        <v>5039</v>
      </c>
      <c r="D56" s="917">
        <v>2906</v>
      </c>
      <c r="E56" s="972">
        <v>2133</v>
      </c>
      <c r="F56" s="973">
        <v>475</v>
      </c>
      <c r="G56" s="917">
        <v>244</v>
      </c>
      <c r="H56" s="917">
        <v>231</v>
      </c>
      <c r="I56" s="917">
        <v>4315</v>
      </c>
      <c r="J56" s="917">
        <v>2548</v>
      </c>
      <c r="K56" s="917">
        <v>1767</v>
      </c>
      <c r="L56" s="973">
        <v>249</v>
      </c>
      <c r="M56" s="917">
        <v>114</v>
      </c>
      <c r="N56" s="918">
        <v>135</v>
      </c>
    </row>
    <row r="57" spans="1:14">
      <c r="A57" s="912"/>
      <c r="B57" s="957" t="s">
        <v>893</v>
      </c>
      <c r="C57" s="918">
        <v>1939</v>
      </c>
      <c r="D57" s="917">
        <v>1038</v>
      </c>
      <c r="E57" s="972">
        <v>901</v>
      </c>
      <c r="F57" s="973">
        <v>231</v>
      </c>
      <c r="G57" s="917">
        <v>121</v>
      </c>
      <c r="H57" s="917">
        <v>110</v>
      </c>
      <c r="I57" s="917">
        <v>1592</v>
      </c>
      <c r="J57" s="917">
        <v>867</v>
      </c>
      <c r="K57" s="917">
        <v>725</v>
      </c>
      <c r="L57" s="973">
        <v>116</v>
      </c>
      <c r="M57" s="917">
        <v>50</v>
      </c>
      <c r="N57" s="918">
        <v>66</v>
      </c>
    </row>
    <row r="58" spans="1:14">
      <c r="A58" s="912"/>
      <c r="B58" s="957" t="s">
        <v>894</v>
      </c>
      <c r="C58" s="918">
        <v>1116</v>
      </c>
      <c r="D58" s="917">
        <v>577</v>
      </c>
      <c r="E58" s="972">
        <v>539</v>
      </c>
      <c r="F58" s="973">
        <v>110</v>
      </c>
      <c r="G58" s="917">
        <v>57</v>
      </c>
      <c r="H58" s="917">
        <v>53</v>
      </c>
      <c r="I58" s="917">
        <v>903</v>
      </c>
      <c r="J58" s="917">
        <v>474</v>
      </c>
      <c r="K58" s="917">
        <v>429</v>
      </c>
      <c r="L58" s="973">
        <v>103</v>
      </c>
      <c r="M58" s="917">
        <v>46</v>
      </c>
      <c r="N58" s="918">
        <v>57</v>
      </c>
    </row>
    <row r="59" spans="1:14">
      <c r="A59" s="912"/>
      <c r="B59" s="957" t="s">
        <v>895</v>
      </c>
      <c r="C59" s="918">
        <v>1025</v>
      </c>
      <c r="D59" s="917">
        <v>510</v>
      </c>
      <c r="E59" s="972">
        <v>515</v>
      </c>
      <c r="F59" s="973">
        <v>93</v>
      </c>
      <c r="G59" s="917">
        <v>44</v>
      </c>
      <c r="H59" s="917">
        <v>49</v>
      </c>
      <c r="I59" s="917">
        <v>818</v>
      </c>
      <c r="J59" s="917">
        <v>418</v>
      </c>
      <c r="K59" s="917">
        <v>400</v>
      </c>
      <c r="L59" s="973">
        <v>114</v>
      </c>
      <c r="M59" s="917">
        <v>48</v>
      </c>
      <c r="N59" s="918">
        <v>66</v>
      </c>
    </row>
    <row r="60" spans="1:14" s="524" customFormat="1" ht="20.100000000000001" customHeight="1">
      <c r="A60" s="1329" t="s">
        <v>921</v>
      </c>
      <c r="B60" s="1330"/>
      <c r="C60" s="940">
        <v>14593</v>
      </c>
      <c r="D60" s="939">
        <v>7147</v>
      </c>
      <c r="E60" s="941">
        <v>7446</v>
      </c>
      <c r="F60" s="938">
        <v>1187</v>
      </c>
      <c r="G60" s="939">
        <v>577</v>
      </c>
      <c r="H60" s="939">
        <v>610</v>
      </c>
      <c r="I60" s="939">
        <v>12288</v>
      </c>
      <c r="J60" s="939">
        <v>6065</v>
      </c>
      <c r="K60" s="939">
        <v>6223</v>
      </c>
      <c r="L60" s="938">
        <v>1118</v>
      </c>
      <c r="M60" s="939">
        <v>505</v>
      </c>
      <c r="N60" s="940">
        <v>613</v>
      </c>
    </row>
    <row r="61" spans="1:14">
      <c r="A61" s="912"/>
      <c r="B61" s="957" t="s">
        <v>897</v>
      </c>
      <c r="C61" s="918">
        <v>7175</v>
      </c>
      <c r="D61" s="917">
        <v>3774</v>
      </c>
      <c r="E61" s="972">
        <v>3401</v>
      </c>
      <c r="F61" s="973">
        <v>628</v>
      </c>
      <c r="G61" s="917">
        <v>305</v>
      </c>
      <c r="H61" s="917">
        <v>323</v>
      </c>
      <c r="I61" s="917">
        <v>6054</v>
      </c>
      <c r="J61" s="917">
        <v>3238</v>
      </c>
      <c r="K61" s="917">
        <v>2816</v>
      </c>
      <c r="L61" s="973">
        <v>493</v>
      </c>
      <c r="M61" s="917">
        <v>231</v>
      </c>
      <c r="N61" s="918">
        <v>262</v>
      </c>
    </row>
    <row r="62" spans="1:14">
      <c r="A62" s="912"/>
      <c r="B62" s="957" t="s">
        <v>898</v>
      </c>
      <c r="C62" s="918">
        <v>1562</v>
      </c>
      <c r="D62" s="917">
        <v>814</v>
      </c>
      <c r="E62" s="972">
        <v>748</v>
      </c>
      <c r="F62" s="973">
        <v>154</v>
      </c>
      <c r="G62" s="917">
        <v>73</v>
      </c>
      <c r="H62" s="917">
        <v>81</v>
      </c>
      <c r="I62" s="917">
        <v>1282</v>
      </c>
      <c r="J62" s="917">
        <v>686</v>
      </c>
      <c r="K62" s="917">
        <v>596</v>
      </c>
      <c r="L62" s="973">
        <v>126</v>
      </c>
      <c r="M62" s="917">
        <v>55</v>
      </c>
      <c r="N62" s="918">
        <v>71</v>
      </c>
    </row>
    <row r="63" spans="1:14">
      <c r="A63" s="912"/>
      <c r="B63" s="957" t="s">
        <v>899</v>
      </c>
      <c r="C63" s="918">
        <v>384</v>
      </c>
      <c r="D63" s="917">
        <v>194</v>
      </c>
      <c r="E63" s="972">
        <v>190</v>
      </c>
      <c r="F63" s="973">
        <v>28</v>
      </c>
      <c r="G63" s="917">
        <v>11</v>
      </c>
      <c r="H63" s="917">
        <v>17</v>
      </c>
      <c r="I63" s="917">
        <v>336</v>
      </c>
      <c r="J63" s="917">
        <v>173</v>
      </c>
      <c r="K63" s="917">
        <v>163</v>
      </c>
      <c r="L63" s="973">
        <v>20</v>
      </c>
      <c r="M63" s="917">
        <v>10</v>
      </c>
      <c r="N63" s="918">
        <v>10</v>
      </c>
    </row>
    <row r="64" spans="1:14">
      <c r="A64" s="912"/>
      <c r="B64" s="957" t="s">
        <v>900</v>
      </c>
      <c r="C64" s="918">
        <v>655</v>
      </c>
      <c r="D64" s="917">
        <v>352</v>
      </c>
      <c r="E64" s="972">
        <v>303</v>
      </c>
      <c r="F64" s="973">
        <v>59</v>
      </c>
      <c r="G64" s="917">
        <v>35</v>
      </c>
      <c r="H64" s="917">
        <v>24</v>
      </c>
      <c r="I64" s="917">
        <v>552</v>
      </c>
      <c r="J64" s="917">
        <v>298</v>
      </c>
      <c r="K64" s="917">
        <v>254</v>
      </c>
      <c r="L64" s="973">
        <v>44</v>
      </c>
      <c r="M64" s="917">
        <v>19</v>
      </c>
      <c r="N64" s="918">
        <v>25</v>
      </c>
    </row>
    <row r="65" spans="1:14">
      <c r="A65" s="912"/>
      <c r="B65" s="957" t="s">
        <v>901</v>
      </c>
      <c r="C65" s="918">
        <v>1054</v>
      </c>
      <c r="D65" s="917">
        <v>229</v>
      </c>
      <c r="E65" s="972">
        <v>825</v>
      </c>
      <c r="F65" s="973">
        <v>36</v>
      </c>
      <c r="G65" s="917">
        <v>20</v>
      </c>
      <c r="H65" s="917">
        <v>16</v>
      </c>
      <c r="I65" s="917">
        <v>978</v>
      </c>
      <c r="J65" s="917">
        <v>196</v>
      </c>
      <c r="K65" s="917">
        <v>782</v>
      </c>
      <c r="L65" s="973">
        <v>40</v>
      </c>
      <c r="M65" s="917">
        <v>13</v>
      </c>
      <c r="N65" s="918">
        <v>27</v>
      </c>
    </row>
    <row r="66" spans="1:14">
      <c r="A66" s="912"/>
      <c r="B66" s="957" t="s">
        <v>317</v>
      </c>
      <c r="C66" s="918">
        <v>305</v>
      </c>
      <c r="D66" s="917">
        <v>175</v>
      </c>
      <c r="E66" s="972">
        <v>130</v>
      </c>
      <c r="F66" s="973">
        <v>20</v>
      </c>
      <c r="G66" s="917">
        <v>13</v>
      </c>
      <c r="H66" s="917">
        <v>7</v>
      </c>
      <c r="I66" s="917">
        <v>260</v>
      </c>
      <c r="J66" s="917">
        <v>149</v>
      </c>
      <c r="K66" s="917">
        <v>111</v>
      </c>
      <c r="L66" s="973">
        <v>25</v>
      </c>
      <c r="M66" s="917">
        <v>13</v>
      </c>
      <c r="N66" s="918">
        <v>12</v>
      </c>
    </row>
    <row r="67" spans="1:14">
      <c r="A67" s="912"/>
      <c r="B67" s="957" t="s">
        <v>310</v>
      </c>
      <c r="C67" s="918">
        <v>613</v>
      </c>
      <c r="D67" s="917">
        <v>314</v>
      </c>
      <c r="E67" s="972">
        <v>299</v>
      </c>
      <c r="F67" s="973">
        <v>63</v>
      </c>
      <c r="G67" s="917">
        <v>26</v>
      </c>
      <c r="H67" s="917">
        <v>37</v>
      </c>
      <c r="I67" s="917">
        <v>508</v>
      </c>
      <c r="J67" s="917">
        <v>272</v>
      </c>
      <c r="K67" s="917">
        <v>236</v>
      </c>
      <c r="L67" s="973">
        <v>42</v>
      </c>
      <c r="M67" s="917">
        <v>16</v>
      </c>
      <c r="N67" s="918">
        <v>26</v>
      </c>
    </row>
    <row r="68" spans="1:14">
      <c r="A68" s="912"/>
      <c r="B68" s="957" t="s">
        <v>309</v>
      </c>
      <c r="C68" s="918">
        <v>1507</v>
      </c>
      <c r="D68" s="917">
        <v>683</v>
      </c>
      <c r="E68" s="972">
        <v>824</v>
      </c>
      <c r="F68" s="973">
        <v>77</v>
      </c>
      <c r="G68" s="917">
        <v>42</v>
      </c>
      <c r="H68" s="917">
        <v>35</v>
      </c>
      <c r="I68" s="917">
        <v>1305</v>
      </c>
      <c r="J68" s="917">
        <v>584</v>
      </c>
      <c r="K68" s="917">
        <v>721</v>
      </c>
      <c r="L68" s="973">
        <v>125</v>
      </c>
      <c r="M68" s="917">
        <v>57</v>
      </c>
      <c r="N68" s="918">
        <v>68</v>
      </c>
    </row>
    <row r="69" spans="1:14">
      <c r="A69" s="912"/>
      <c r="B69" s="957" t="s">
        <v>311</v>
      </c>
      <c r="C69" s="918">
        <v>233</v>
      </c>
      <c r="D69" s="917">
        <v>110</v>
      </c>
      <c r="E69" s="972">
        <v>123</v>
      </c>
      <c r="F69" s="973">
        <v>29</v>
      </c>
      <c r="G69" s="917">
        <v>14</v>
      </c>
      <c r="H69" s="917">
        <v>15</v>
      </c>
      <c r="I69" s="917">
        <v>167</v>
      </c>
      <c r="J69" s="917">
        <v>83</v>
      </c>
      <c r="K69" s="917">
        <v>84</v>
      </c>
      <c r="L69" s="973">
        <v>37</v>
      </c>
      <c r="M69" s="917">
        <v>13</v>
      </c>
      <c r="N69" s="918">
        <v>24</v>
      </c>
    </row>
    <row r="70" spans="1:14">
      <c r="A70" s="912"/>
      <c r="B70" s="957" t="s">
        <v>313</v>
      </c>
      <c r="C70" s="918">
        <v>1105</v>
      </c>
      <c r="D70" s="917">
        <v>502</v>
      </c>
      <c r="E70" s="972">
        <v>603</v>
      </c>
      <c r="F70" s="973">
        <v>93</v>
      </c>
      <c r="G70" s="917">
        <v>38</v>
      </c>
      <c r="H70" s="917">
        <v>55</v>
      </c>
      <c r="I70" s="917">
        <v>846</v>
      </c>
      <c r="J70" s="917">
        <v>386</v>
      </c>
      <c r="K70" s="917">
        <v>460</v>
      </c>
      <c r="L70" s="973">
        <v>166</v>
      </c>
      <c r="M70" s="917">
        <v>78</v>
      </c>
      <c r="N70" s="918">
        <v>88</v>
      </c>
    </row>
    <row r="71" spans="1:14" s="524" customFormat="1" ht="20.100000000000001" customHeight="1">
      <c r="A71" s="924"/>
      <c r="B71" s="906"/>
      <c r="C71" s="940"/>
      <c r="D71" s="939"/>
      <c r="E71" s="941"/>
      <c r="F71" s="938"/>
      <c r="G71" s="939"/>
      <c r="H71" s="939"/>
      <c r="I71" s="939"/>
      <c r="J71" s="939"/>
      <c r="K71" s="939"/>
      <c r="L71" s="938"/>
      <c r="M71" s="939"/>
      <c r="N71" s="940"/>
    </row>
    <row r="72" spans="1:14" ht="14.25" thickBot="1">
      <c r="A72" s="962"/>
      <c r="B72" s="963"/>
      <c r="C72" s="949"/>
      <c r="D72" s="948"/>
      <c r="E72" s="950"/>
      <c r="F72" s="947"/>
      <c r="G72" s="948"/>
      <c r="H72" s="948"/>
      <c r="I72" s="948"/>
      <c r="J72" s="948"/>
      <c r="K72" s="950"/>
      <c r="L72" s="947"/>
      <c r="M72" s="948"/>
      <c r="N72" s="949"/>
    </row>
    <row r="73" spans="1:14" ht="14.25" thickTop="1"/>
  </sheetData>
  <mergeCells count="12">
    <mergeCell ref="A60:B60"/>
    <mergeCell ref="C3:E3"/>
    <mergeCell ref="F3:H3"/>
    <mergeCell ref="I3:K3"/>
    <mergeCell ref="L3:N3"/>
    <mergeCell ref="A4:B4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59055118110236227" right="0.59055118110236227" top="0.59055118110236227" bottom="0.59055118110236227" header="0" footer="0.19685039370078741"/>
  <pageSetup paperSize="9" scale="76" orientation="portrait" blackAndWhite="1" r:id="rId1"/>
  <headerFooter scaleWithDoc="0" alignWithMargins="0">
    <oddFooter>&amp;C&amp;"-,太字"-55-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05"/>
  <sheetViews>
    <sheetView zoomScaleNormal="100" zoomScaleSheetLayoutView="75" workbookViewId="0"/>
  </sheetViews>
  <sheetFormatPr defaultRowHeight="13.5"/>
  <cols>
    <col min="1" max="1" width="2.75" style="977" customWidth="1"/>
    <col min="2" max="2" width="16.75" style="977" customWidth="1"/>
    <col min="3" max="3" width="12.625" style="977" customWidth="1"/>
    <col min="4" max="4" width="11.625" style="977" customWidth="1"/>
    <col min="5" max="5" width="10.625" style="977" customWidth="1"/>
    <col min="6" max="7" width="9.125" style="977" customWidth="1"/>
    <col min="8" max="8" width="10.25" style="977" customWidth="1"/>
    <col min="9" max="10" width="10.125" style="977" customWidth="1"/>
    <col min="11" max="11" width="12.75" style="977" customWidth="1"/>
    <col min="12" max="16384" width="9" style="977"/>
  </cols>
  <sheetData>
    <row r="1" spans="1:11" ht="20.25" customHeight="1" thickBot="1">
      <c r="A1" s="976" t="s">
        <v>925</v>
      </c>
      <c r="F1" s="978"/>
      <c r="G1" s="978"/>
      <c r="K1" s="979" t="s">
        <v>926</v>
      </c>
    </row>
    <row r="2" spans="1:11" ht="13.5" customHeight="1" thickTop="1">
      <c r="A2" s="980"/>
      <c r="B2" s="980"/>
      <c r="C2" s="981" t="s">
        <v>927</v>
      </c>
      <c r="D2" s="982" t="s">
        <v>928</v>
      </c>
      <c r="E2" s="983"/>
      <c r="F2" s="983"/>
      <c r="G2" s="983"/>
      <c r="H2" s="983"/>
      <c r="I2" s="983"/>
      <c r="J2" s="983"/>
      <c r="K2" s="984" t="s">
        <v>929</v>
      </c>
    </row>
    <row r="3" spans="1:11">
      <c r="A3" s="985"/>
      <c r="B3" s="985"/>
      <c r="C3" s="986" t="s">
        <v>930</v>
      </c>
      <c r="D3" s="987" t="s">
        <v>931</v>
      </c>
      <c r="E3" s="988"/>
      <c r="F3" s="989"/>
      <c r="G3" s="990"/>
      <c r="H3" s="988"/>
      <c r="I3" s="989"/>
      <c r="J3" s="989"/>
      <c r="K3" s="991" t="s">
        <v>932</v>
      </c>
    </row>
    <row r="4" spans="1:11">
      <c r="A4" s="992" t="s">
        <v>933</v>
      </c>
      <c r="B4" s="993"/>
      <c r="C4" s="986" t="s">
        <v>934</v>
      </c>
      <c r="D4" s="987" t="s">
        <v>935</v>
      </c>
      <c r="E4" s="991" t="s">
        <v>936</v>
      </c>
      <c r="F4" s="994" t="s">
        <v>937</v>
      </c>
      <c r="G4" s="994" t="s">
        <v>938</v>
      </c>
      <c r="H4" s="995" t="s">
        <v>939</v>
      </c>
      <c r="I4" s="994" t="s">
        <v>940</v>
      </c>
      <c r="J4" s="996" t="s">
        <v>941</v>
      </c>
      <c r="K4" s="991" t="s">
        <v>934</v>
      </c>
    </row>
    <row r="5" spans="1:11">
      <c r="A5" s="997"/>
      <c r="B5" s="997"/>
      <c r="C5" s="998" t="s">
        <v>942</v>
      </c>
      <c r="D5" s="999" t="s">
        <v>943</v>
      </c>
      <c r="E5" s="1000" t="s">
        <v>944</v>
      </c>
      <c r="F5" s="998" t="s">
        <v>945</v>
      </c>
      <c r="G5" s="998" t="s">
        <v>946</v>
      </c>
      <c r="H5" s="999" t="s">
        <v>947</v>
      </c>
      <c r="I5" s="998" t="s">
        <v>949</v>
      </c>
      <c r="J5" s="1000" t="s">
        <v>950</v>
      </c>
      <c r="K5" s="1000" t="s">
        <v>942</v>
      </c>
    </row>
    <row r="6" spans="1:11" ht="12.75" customHeight="1">
      <c r="A6" s="1001"/>
      <c r="B6" s="1001"/>
      <c r="C6" s="1002" t="s">
        <v>13</v>
      </c>
      <c r="D6" s="1003" t="s">
        <v>13</v>
      </c>
      <c r="E6" s="1004" t="s">
        <v>13</v>
      </c>
      <c r="F6" s="1002" t="s">
        <v>13</v>
      </c>
      <c r="G6" s="1005" t="s">
        <v>13</v>
      </c>
      <c r="H6" s="1003" t="s">
        <v>13</v>
      </c>
      <c r="I6" s="1002" t="s">
        <v>13</v>
      </c>
      <c r="J6" s="1003" t="s">
        <v>13</v>
      </c>
      <c r="K6" s="1004" t="s">
        <v>13</v>
      </c>
    </row>
    <row r="7" spans="1:11" ht="16.5" customHeight="1">
      <c r="A7" s="1006"/>
      <c r="B7" s="1007" t="s">
        <v>844</v>
      </c>
      <c r="C7" s="1008">
        <v>9201825</v>
      </c>
      <c r="D7" s="1009">
        <v>20200</v>
      </c>
      <c r="E7" s="1010">
        <v>-19600</v>
      </c>
      <c r="F7" s="1010">
        <v>64905</v>
      </c>
      <c r="G7" s="1010">
        <v>84505</v>
      </c>
      <c r="H7" s="1011">
        <v>39800</v>
      </c>
      <c r="I7" s="1010">
        <v>514781</v>
      </c>
      <c r="J7" s="1012">
        <v>474981</v>
      </c>
      <c r="K7" s="1012">
        <v>9181625</v>
      </c>
    </row>
    <row r="8" spans="1:11" s="1013" customFormat="1" ht="17.25" customHeight="1">
      <c r="A8" s="1343" t="s">
        <v>951</v>
      </c>
      <c r="B8" s="1344"/>
      <c r="C8" s="1008">
        <v>3749929</v>
      </c>
      <c r="D8" s="1009">
        <v>8985</v>
      </c>
      <c r="E8" s="1010">
        <v>-7200</v>
      </c>
      <c r="F8" s="1010">
        <v>26394</v>
      </c>
      <c r="G8" s="1010">
        <v>33594</v>
      </c>
      <c r="H8" s="1011">
        <v>16185</v>
      </c>
      <c r="I8" s="1010">
        <v>226883</v>
      </c>
      <c r="J8" s="1012">
        <v>210698</v>
      </c>
      <c r="K8" s="1012">
        <v>3740944</v>
      </c>
    </row>
    <row r="9" spans="1:11">
      <c r="A9" s="993"/>
      <c r="B9" s="1014" t="s">
        <v>846</v>
      </c>
      <c r="C9" s="1015">
        <v>292975</v>
      </c>
      <c r="D9" s="1016">
        <v>1784</v>
      </c>
      <c r="E9" s="1017">
        <v>-72</v>
      </c>
      <c r="F9" s="1018">
        <v>2384</v>
      </c>
      <c r="G9" s="1019">
        <v>2456</v>
      </c>
      <c r="H9" s="1020">
        <v>1856</v>
      </c>
      <c r="I9" s="1021">
        <v>20064</v>
      </c>
      <c r="J9" s="1022">
        <v>18208</v>
      </c>
      <c r="K9" s="1023">
        <v>291191</v>
      </c>
    </row>
    <row r="10" spans="1:11">
      <c r="A10" s="993"/>
      <c r="B10" s="1014" t="s">
        <v>847</v>
      </c>
      <c r="C10" s="1015">
        <v>245036</v>
      </c>
      <c r="D10" s="1016">
        <v>1712</v>
      </c>
      <c r="E10" s="1017">
        <v>-299</v>
      </c>
      <c r="F10" s="1018">
        <v>1821</v>
      </c>
      <c r="G10" s="1019">
        <v>2120</v>
      </c>
      <c r="H10" s="1020">
        <v>2011</v>
      </c>
      <c r="I10" s="1021">
        <v>18730</v>
      </c>
      <c r="J10" s="1022">
        <v>16719</v>
      </c>
      <c r="K10" s="1023">
        <v>243324</v>
      </c>
    </row>
    <row r="11" spans="1:11">
      <c r="A11" s="993"/>
      <c r="B11" s="1014" t="s">
        <v>848</v>
      </c>
      <c r="C11" s="1015">
        <v>103985</v>
      </c>
      <c r="D11" s="1016">
        <v>1585</v>
      </c>
      <c r="E11" s="1017">
        <v>-25</v>
      </c>
      <c r="F11" s="1018">
        <v>878</v>
      </c>
      <c r="G11" s="1019">
        <v>903</v>
      </c>
      <c r="H11" s="1020">
        <v>1610</v>
      </c>
      <c r="I11" s="1021">
        <v>10220</v>
      </c>
      <c r="J11" s="1022">
        <v>8610</v>
      </c>
      <c r="K11" s="1023">
        <v>102400</v>
      </c>
    </row>
    <row r="12" spans="1:11">
      <c r="A12" s="993"/>
      <c r="B12" s="1024" t="s">
        <v>849</v>
      </c>
      <c r="C12" s="1015">
        <v>149910</v>
      </c>
      <c r="D12" s="1016">
        <v>742</v>
      </c>
      <c r="E12" s="1017">
        <v>-666</v>
      </c>
      <c r="F12" s="1018">
        <v>889</v>
      </c>
      <c r="G12" s="1019">
        <v>1555</v>
      </c>
      <c r="H12" s="1020">
        <v>1408</v>
      </c>
      <c r="I12" s="1021">
        <v>14015</v>
      </c>
      <c r="J12" s="1022">
        <v>12607</v>
      </c>
      <c r="K12" s="1023">
        <v>149168</v>
      </c>
    </row>
    <row r="13" spans="1:11">
      <c r="A13" s="993"/>
      <c r="B13" s="1024" t="s">
        <v>850</v>
      </c>
      <c r="C13" s="1015">
        <v>195482</v>
      </c>
      <c r="D13" s="1016">
        <v>140</v>
      </c>
      <c r="E13" s="1017">
        <v>-1012</v>
      </c>
      <c r="F13" s="1018">
        <v>1236</v>
      </c>
      <c r="G13" s="1019">
        <v>2248</v>
      </c>
      <c r="H13" s="1020">
        <v>1152</v>
      </c>
      <c r="I13" s="1021">
        <v>13789</v>
      </c>
      <c r="J13" s="1022">
        <v>12637</v>
      </c>
      <c r="K13" s="1023">
        <v>195342</v>
      </c>
    </row>
    <row r="14" spans="1:11">
      <c r="A14" s="993"/>
      <c r="B14" s="1024" t="s">
        <v>952</v>
      </c>
      <c r="C14" s="1015">
        <v>205939</v>
      </c>
      <c r="D14" s="1016">
        <v>362</v>
      </c>
      <c r="E14" s="1017">
        <v>-785</v>
      </c>
      <c r="F14" s="1018">
        <v>1279</v>
      </c>
      <c r="G14" s="1019">
        <v>2064</v>
      </c>
      <c r="H14" s="1020">
        <v>1147</v>
      </c>
      <c r="I14" s="1021">
        <v>12547</v>
      </c>
      <c r="J14" s="1022">
        <v>11400</v>
      </c>
      <c r="K14" s="1023">
        <v>205577</v>
      </c>
    </row>
    <row r="15" spans="1:11">
      <c r="A15" s="993"/>
      <c r="B15" s="1024" t="s">
        <v>852</v>
      </c>
      <c r="C15" s="1015">
        <v>166347</v>
      </c>
      <c r="D15" s="1016">
        <v>-260</v>
      </c>
      <c r="E15" s="1017">
        <v>-534</v>
      </c>
      <c r="F15" s="1018">
        <v>1105</v>
      </c>
      <c r="G15" s="1019">
        <v>1639</v>
      </c>
      <c r="H15" s="1020">
        <v>274</v>
      </c>
      <c r="I15" s="1021">
        <v>9916</v>
      </c>
      <c r="J15" s="1022">
        <v>9642</v>
      </c>
      <c r="K15" s="1023">
        <v>166607</v>
      </c>
    </row>
    <row r="16" spans="1:11">
      <c r="A16" s="993"/>
      <c r="B16" s="1024" t="s">
        <v>853</v>
      </c>
      <c r="C16" s="1015">
        <v>198054</v>
      </c>
      <c r="D16" s="1016">
        <v>-980</v>
      </c>
      <c r="E16" s="1017">
        <v>-729</v>
      </c>
      <c r="F16" s="1018">
        <v>1138</v>
      </c>
      <c r="G16" s="1019">
        <v>1867</v>
      </c>
      <c r="H16" s="1020">
        <v>-251</v>
      </c>
      <c r="I16" s="1021">
        <v>8691</v>
      </c>
      <c r="J16" s="1022">
        <v>8942</v>
      </c>
      <c r="K16" s="1023">
        <v>199034</v>
      </c>
    </row>
    <row r="17" spans="1:11">
      <c r="A17" s="993"/>
      <c r="B17" s="1024" t="s">
        <v>854</v>
      </c>
      <c r="C17" s="1015">
        <v>353620</v>
      </c>
      <c r="D17" s="1016">
        <v>2172</v>
      </c>
      <c r="E17" s="1017">
        <v>704</v>
      </c>
      <c r="F17" s="1018">
        <v>3175</v>
      </c>
      <c r="G17" s="1019">
        <v>2471</v>
      </c>
      <c r="H17" s="1020">
        <v>1468</v>
      </c>
      <c r="I17" s="1021">
        <v>25052</v>
      </c>
      <c r="J17" s="1022">
        <v>23584</v>
      </c>
      <c r="K17" s="1023">
        <v>351448</v>
      </c>
    </row>
    <row r="18" spans="1:11">
      <c r="A18" s="993"/>
      <c r="B18" s="1024" t="s">
        <v>855</v>
      </c>
      <c r="C18" s="1015">
        <v>280733</v>
      </c>
      <c r="D18" s="1016">
        <v>1514</v>
      </c>
      <c r="E18" s="1017">
        <v>-239</v>
      </c>
      <c r="F18" s="1018">
        <v>2204</v>
      </c>
      <c r="G18" s="1019">
        <v>2443</v>
      </c>
      <c r="H18" s="1020">
        <v>1753</v>
      </c>
      <c r="I18" s="1021">
        <v>14301</v>
      </c>
      <c r="J18" s="1022">
        <v>12548</v>
      </c>
      <c r="K18" s="1023">
        <v>279219</v>
      </c>
    </row>
    <row r="19" spans="1:11">
      <c r="A19" s="993"/>
      <c r="B19" s="1024" t="s">
        <v>856</v>
      </c>
      <c r="C19" s="1015">
        <v>213751</v>
      </c>
      <c r="D19" s="1016">
        <v>-140</v>
      </c>
      <c r="E19" s="1017">
        <v>-852</v>
      </c>
      <c r="F19" s="1018">
        <v>1288</v>
      </c>
      <c r="G19" s="1019">
        <v>2140</v>
      </c>
      <c r="H19" s="1020">
        <v>712</v>
      </c>
      <c r="I19" s="1021">
        <v>10186</v>
      </c>
      <c r="J19" s="1022">
        <v>9474</v>
      </c>
      <c r="K19" s="1023">
        <v>213891</v>
      </c>
    </row>
    <row r="20" spans="1:11">
      <c r="A20" s="993"/>
      <c r="B20" s="1024" t="s">
        <v>857</v>
      </c>
      <c r="C20" s="1015">
        <v>245127</v>
      </c>
      <c r="D20" s="1016">
        <v>-600</v>
      </c>
      <c r="E20" s="1017">
        <v>-1159</v>
      </c>
      <c r="F20" s="1018">
        <v>1511</v>
      </c>
      <c r="G20" s="1019">
        <v>2670</v>
      </c>
      <c r="H20" s="1020">
        <v>559</v>
      </c>
      <c r="I20" s="1021">
        <v>10587</v>
      </c>
      <c r="J20" s="1022">
        <v>10028</v>
      </c>
      <c r="K20" s="1023">
        <v>245727</v>
      </c>
    </row>
    <row r="21" spans="1:11">
      <c r="A21" s="993"/>
      <c r="B21" s="1024" t="s">
        <v>858</v>
      </c>
      <c r="C21" s="1015">
        <v>182495</v>
      </c>
      <c r="D21" s="1016">
        <v>913</v>
      </c>
      <c r="E21" s="1017">
        <v>-163</v>
      </c>
      <c r="F21" s="1018">
        <v>1371</v>
      </c>
      <c r="G21" s="1019">
        <v>1534</v>
      </c>
      <c r="H21" s="1020">
        <v>1076</v>
      </c>
      <c r="I21" s="1021">
        <v>10656</v>
      </c>
      <c r="J21" s="1022">
        <v>9580</v>
      </c>
      <c r="K21" s="1023">
        <v>181582</v>
      </c>
    </row>
    <row r="22" spans="1:11">
      <c r="A22" s="993"/>
      <c r="B22" s="1024" t="s">
        <v>859</v>
      </c>
      <c r="C22" s="1015">
        <v>122004</v>
      </c>
      <c r="D22" s="1016">
        <v>-643</v>
      </c>
      <c r="E22" s="1017">
        <v>-555</v>
      </c>
      <c r="F22" s="1018">
        <v>769</v>
      </c>
      <c r="G22" s="1019">
        <v>1324</v>
      </c>
      <c r="H22" s="1020">
        <v>-88</v>
      </c>
      <c r="I22" s="1021">
        <v>5292</v>
      </c>
      <c r="J22" s="1022">
        <v>5380</v>
      </c>
      <c r="K22" s="1023">
        <v>122647</v>
      </c>
    </row>
    <row r="23" spans="1:11">
      <c r="A23" s="993"/>
      <c r="B23" s="1024" t="s">
        <v>860</v>
      </c>
      <c r="C23" s="1015">
        <v>119612</v>
      </c>
      <c r="D23" s="1016">
        <v>-436</v>
      </c>
      <c r="E23" s="1017">
        <v>-501</v>
      </c>
      <c r="F23" s="1018">
        <v>709</v>
      </c>
      <c r="G23" s="1019">
        <v>1210</v>
      </c>
      <c r="H23" s="1020">
        <v>65</v>
      </c>
      <c r="I23" s="1021">
        <v>5555</v>
      </c>
      <c r="J23" s="1022">
        <v>5490</v>
      </c>
      <c r="K23" s="1023">
        <v>120048</v>
      </c>
    </row>
    <row r="24" spans="1:11">
      <c r="A24" s="993"/>
      <c r="B24" s="1024" t="s">
        <v>861</v>
      </c>
      <c r="C24" s="1015">
        <v>151830</v>
      </c>
      <c r="D24" s="1016">
        <v>-466</v>
      </c>
      <c r="E24" s="1017">
        <v>-467</v>
      </c>
      <c r="F24" s="1018">
        <v>1020</v>
      </c>
      <c r="G24" s="1019">
        <v>1487</v>
      </c>
      <c r="H24" s="1020">
        <v>1</v>
      </c>
      <c r="I24" s="1021">
        <v>6522</v>
      </c>
      <c r="J24" s="1022">
        <v>6521</v>
      </c>
      <c r="K24" s="1023">
        <v>152296</v>
      </c>
    </row>
    <row r="25" spans="1:11">
      <c r="A25" s="993"/>
      <c r="B25" s="1024" t="s">
        <v>862</v>
      </c>
      <c r="C25" s="1015">
        <v>310387</v>
      </c>
      <c r="D25" s="1016">
        <v>494</v>
      </c>
      <c r="E25" s="1017">
        <v>-138</v>
      </c>
      <c r="F25" s="1018">
        <v>2045</v>
      </c>
      <c r="G25" s="1019">
        <v>2183</v>
      </c>
      <c r="H25" s="1020">
        <v>632</v>
      </c>
      <c r="I25" s="1021">
        <v>18129</v>
      </c>
      <c r="J25" s="1022">
        <v>17497</v>
      </c>
      <c r="K25" s="1023">
        <v>309893</v>
      </c>
    </row>
    <row r="26" spans="1:11">
      <c r="A26" s="993"/>
      <c r="B26" s="1024" t="s">
        <v>308</v>
      </c>
      <c r="C26" s="1015">
        <v>212642</v>
      </c>
      <c r="D26" s="1016">
        <v>1092</v>
      </c>
      <c r="E26" s="1017">
        <v>292</v>
      </c>
      <c r="F26" s="1018">
        <v>1572</v>
      </c>
      <c r="G26" s="1019">
        <v>1280</v>
      </c>
      <c r="H26" s="1020">
        <v>800</v>
      </c>
      <c r="I26" s="1021">
        <v>12631</v>
      </c>
      <c r="J26" s="1022">
        <v>11831</v>
      </c>
      <c r="K26" s="1023">
        <v>211550</v>
      </c>
    </row>
    <row r="27" spans="1:11" s="1013" customFormat="1" ht="18" customHeight="1">
      <c r="A27" s="1343" t="s">
        <v>953</v>
      </c>
      <c r="B27" s="1344"/>
      <c r="C27" s="1008">
        <v>1531646</v>
      </c>
      <c r="D27" s="1009">
        <v>13890</v>
      </c>
      <c r="E27" s="1025">
        <v>1744</v>
      </c>
      <c r="F27" s="1026">
        <v>13421</v>
      </c>
      <c r="G27" s="1027">
        <v>11677</v>
      </c>
      <c r="H27" s="1027">
        <v>12146</v>
      </c>
      <c r="I27" s="1027">
        <v>111088</v>
      </c>
      <c r="J27" s="1009">
        <v>98942</v>
      </c>
      <c r="K27" s="1028">
        <v>1517756</v>
      </c>
    </row>
    <row r="28" spans="1:11">
      <c r="A28" s="993"/>
      <c r="B28" s="1024" t="s">
        <v>864</v>
      </c>
      <c r="C28" s="1015">
        <v>233004</v>
      </c>
      <c r="D28" s="1016">
        <v>1371</v>
      </c>
      <c r="E28" s="1017">
        <v>-662</v>
      </c>
      <c r="F28" s="1018">
        <v>1730</v>
      </c>
      <c r="G28" s="1019">
        <v>2392</v>
      </c>
      <c r="H28" s="1020">
        <v>2033</v>
      </c>
      <c r="I28" s="1021">
        <v>17152</v>
      </c>
      <c r="J28" s="1022">
        <v>15119</v>
      </c>
      <c r="K28" s="1023">
        <v>231633</v>
      </c>
    </row>
    <row r="29" spans="1:11">
      <c r="A29" s="993"/>
      <c r="B29" s="1024" t="s">
        <v>865</v>
      </c>
      <c r="C29" s="1015">
        <v>170775</v>
      </c>
      <c r="D29" s="1016">
        <v>3584</v>
      </c>
      <c r="E29" s="1017">
        <v>239</v>
      </c>
      <c r="F29" s="1018">
        <v>1686</v>
      </c>
      <c r="G29" s="1019">
        <v>1447</v>
      </c>
      <c r="H29" s="1020">
        <v>3345</v>
      </c>
      <c r="I29" s="1021">
        <v>13389</v>
      </c>
      <c r="J29" s="1022">
        <v>10044</v>
      </c>
      <c r="K29" s="1023">
        <v>167191</v>
      </c>
    </row>
    <row r="30" spans="1:11">
      <c r="A30" s="993"/>
      <c r="B30" s="1024" t="s">
        <v>866</v>
      </c>
      <c r="C30" s="1015">
        <v>261950</v>
      </c>
      <c r="D30" s="1016">
        <v>3408</v>
      </c>
      <c r="E30" s="1017">
        <v>1282</v>
      </c>
      <c r="F30" s="1018">
        <v>2848</v>
      </c>
      <c r="G30" s="1019">
        <v>1566</v>
      </c>
      <c r="H30" s="1020">
        <v>2126</v>
      </c>
      <c r="I30" s="1021">
        <v>22693</v>
      </c>
      <c r="J30" s="1022">
        <v>20567</v>
      </c>
      <c r="K30" s="1023">
        <v>258542</v>
      </c>
    </row>
    <row r="31" spans="1:11">
      <c r="A31" s="993"/>
      <c r="B31" s="1024" t="s">
        <v>867</v>
      </c>
      <c r="C31" s="1015">
        <v>233262</v>
      </c>
      <c r="D31" s="1016">
        <v>1204</v>
      </c>
      <c r="E31" s="1017">
        <v>586</v>
      </c>
      <c r="F31" s="1018">
        <v>2118</v>
      </c>
      <c r="G31" s="1019">
        <v>1532</v>
      </c>
      <c r="H31" s="1020">
        <v>618</v>
      </c>
      <c r="I31" s="1021">
        <v>16468</v>
      </c>
      <c r="J31" s="1022">
        <v>15850</v>
      </c>
      <c r="K31" s="1023">
        <v>232058</v>
      </c>
    </row>
    <row r="32" spans="1:11">
      <c r="A32" s="993"/>
      <c r="B32" s="1024" t="s">
        <v>868</v>
      </c>
      <c r="C32" s="1015">
        <v>220015</v>
      </c>
      <c r="D32" s="1016">
        <v>1891</v>
      </c>
      <c r="E32" s="1017">
        <v>259</v>
      </c>
      <c r="F32" s="1018">
        <v>1869</v>
      </c>
      <c r="G32" s="1019">
        <v>1610</v>
      </c>
      <c r="H32" s="1020">
        <v>1632</v>
      </c>
      <c r="I32" s="1021">
        <v>16401</v>
      </c>
      <c r="J32" s="1022">
        <v>14769</v>
      </c>
      <c r="K32" s="1023">
        <v>218124</v>
      </c>
    </row>
    <row r="33" spans="1:11">
      <c r="A33" s="993"/>
      <c r="B33" s="1024" t="s">
        <v>312</v>
      </c>
      <c r="C33" s="1015">
        <v>232533</v>
      </c>
      <c r="D33" s="1016">
        <v>1208</v>
      </c>
      <c r="E33" s="1017">
        <v>137</v>
      </c>
      <c r="F33" s="1018">
        <v>1867</v>
      </c>
      <c r="G33" s="1019">
        <v>1730</v>
      </c>
      <c r="H33" s="1020">
        <v>1071</v>
      </c>
      <c r="I33" s="1021">
        <v>13957</v>
      </c>
      <c r="J33" s="1022">
        <v>12886</v>
      </c>
      <c r="K33" s="1023">
        <v>231325</v>
      </c>
    </row>
    <row r="34" spans="1:11">
      <c r="A34" s="993"/>
      <c r="B34" s="1024" t="s">
        <v>869</v>
      </c>
      <c r="C34" s="1015">
        <v>180107</v>
      </c>
      <c r="D34" s="1016">
        <v>1224</v>
      </c>
      <c r="E34" s="1017">
        <v>-97</v>
      </c>
      <c r="F34" s="1018">
        <v>1303</v>
      </c>
      <c r="G34" s="1019">
        <v>1400</v>
      </c>
      <c r="H34" s="1020">
        <v>1321</v>
      </c>
      <c r="I34" s="1021">
        <v>11028</v>
      </c>
      <c r="J34" s="1022">
        <v>9707</v>
      </c>
      <c r="K34" s="1023">
        <v>178883</v>
      </c>
    </row>
    <row r="35" spans="1:11" ht="18" customHeight="1">
      <c r="A35" s="1341" t="s">
        <v>954</v>
      </c>
      <c r="B35" s="1342"/>
      <c r="C35" s="1008">
        <v>696219</v>
      </c>
      <c r="D35" s="1009">
        <v>-4891</v>
      </c>
      <c r="E35" s="1025">
        <v>-4839</v>
      </c>
      <c r="F35" s="1026">
        <v>3829</v>
      </c>
      <c r="G35" s="1027">
        <v>8668</v>
      </c>
      <c r="H35" s="1009">
        <v>-52</v>
      </c>
      <c r="I35" s="1026">
        <v>27976</v>
      </c>
      <c r="J35" s="1009">
        <v>28028</v>
      </c>
      <c r="K35" s="1025">
        <v>701110</v>
      </c>
    </row>
    <row r="36" spans="1:11">
      <c r="A36" s="993"/>
      <c r="B36" s="1024" t="s">
        <v>871</v>
      </c>
      <c r="C36" s="1015">
        <v>393025</v>
      </c>
      <c r="D36" s="1016">
        <v>-3946</v>
      </c>
      <c r="E36" s="1017">
        <v>-2710</v>
      </c>
      <c r="F36" s="1018">
        <v>2215</v>
      </c>
      <c r="G36" s="1019">
        <v>4925</v>
      </c>
      <c r="H36" s="1020">
        <v>-1236</v>
      </c>
      <c r="I36" s="1021">
        <v>14771</v>
      </c>
      <c r="J36" s="1022">
        <v>16007</v>
      </c>
      <c r="K36" s="1023">
        <v>396971</v>
      </c>
    </row>
    <row r="37" spans="1:11">
      <c r="A37" s="993"/>
      <c r="B37" s="1024" t="s">
        <v>872</v>
      </c>
      <c r="C37" s="1015">
        <v>172293</v>
      </c>
      <c r="D37" s="1016">
        <v>39</v>
      </c>
      <c r="E37" s="1017">
        <v>-1032</v>
      </c>
      <c r="F37" s="1018">
        <v>961</v>
      </c>
      <c r="G37" s="1019">
        <v>1993</v>
      </c>
      <c r="H37" s="1020">
        <v>1071</v>
      </c>
      <c r="I37" s="1021">
        <v>8094</v>
      </c>
      <c r="J37" s="1022">
        <v>7023</v>
      </c>
      <c r="K37" s="1023">
        <v>172254</v>
      </c>
    </row>
    <row r="38" spans="1:11">
      <c r="A38" s="993"/>
      <c r="B38" s="1024" t="s">
        <v>873</v>
      </c>
      <c r="C38" s="1015">
        <v>56969</v>
      </c>
      <c r="D38" s="1016">
        <v>-48</v>
      </c>
      <c r="E38" s="1017">
        <v>-325</v>
      </c>
      <c r="F38" s="1018">
        <v>346</v>
      </c>
      <c r="G38" s="1019">
        <v>671</v>
      </c>
      <c r="H38" s="1020">
        <v>277</v>
      </c>
      <c r="I38" s="1021">
        <v>2562</v>
      </c>
      <c r="J38" s="1022">
        <v>2285</v>
      </c>
      <c r="K38" s="1023">
        <v>57017</v>
      </c>
    </row>
    <row r="39" spans="1:11">
      <c r="A39" s="993"/>
      <c r="B39" s="1024" t="s">
        <v>874</v>
      </c>
      <c r="C39" s="1015">
        <v>42308</v>
      </c>
      <c r="D39" s="1016">
        <v>-734</v>
      </c>
      <c r="E39" s="1017">
        <v>-521</v>
      </c>
      <c r="F39" s="1018">
        <v>157</v>
      </c>
      <c r="G39" s="1019">
        <v>678</v>
      </c>
      <c r="H39" s="1020">
        <v>-213</v>
      </c>
      <c r="I39" s="1021">
        <v>1144</v>
      </c>
      <c r="J39" s="1022">
        <v>1357</v>
      </c>
      <c r="K39" s="1023">
        <v>43042</v>
      </c>
    </row>
    <row r="40" spans="1:11">
      <c r="A40" s="993"/>
      <c r="B40" s="1024" t="s">
        <v>875</v>
      </c>
      <c r="C40" s="1015">
        <v>31624</v>
      </c>
      <c r="D40" s="1016">
        <v>-202</v>
      </c>
      <c r="E40" s="1017">
        <v>-251</v>
      </c>
      <c r="F40" s="1018">
        <v>150</v>
      </c>
      <c r="G40" s="1019">
        <v>401</v>
      </c>
      <c r="H40" s="1020">
        <v>49</v>
      </c>
      <c r="I40" s="1021">
        <v>1405</v>
      </c>
      <c r="J40" s="1022">
        <v>1356</v>
      </c>
      <c r="K40" s="1023">
        <v>31826</v>
      </c>
    </row>
    <row r="41" spans="1:11" ht="17.25" customHeight="1">
      <c r="A41" s="1341" t="s">
        <v>955</v>
      </c>
      <c r="B41" s="1342"/>
      <c r="C41" s="1008">
        <v>1576940</v>
      </c>
      <c r="D41" s="1009">
        <v>3172</v>
      </c>
      <c r="E41" s="1025">
        <v>-3383</v>
      </c>
      <c r="F41" s="1026">
        <v>10688</v>
      </c>
      <c r="G41" s="1026">
        <v>14071</v>
      </c>
      <c r="H41" s="1009">
        <v>6555</v>
      </c>
      <c r="I41" s="1026">
        <v>79978</v>
      </c>
      <c r="J41" s="1009">
        <v>73423</v>
      </c>
      <c r="K41" s="1025">
        <v>1573768</v>
      </c>
    </row>
    <row r="42" spans="1:11">
      <c r="A42" s="1345" t="s">
        <v>956</v>
      </c>
      <c r="B42" s="1346"/>
      <c r="C42" s="1015">
        <v>722796</v>
      </c>
      <c r="D42" s="1016">
        <v>-67</v>
      </c>
      <c r="E42" s="1017">
        <v>-1818</v>
      </c>
      <c r="F42" s="1018">
        <v>4715</v>
      </c>
      <c r="G42" s="1019">
        <v>6533</v>
      </c>
      <c r="H42" s="1020">
        <v>1751</v>
      </c>
      <c r="I42" s="1021">
        <v>35048</v>
      </c>
      <c r="J42" s="1022">
        <v>33297</v>
      </c>
      <c r="K42" s="1023">
        <v>722863</v>
      </c>
    </row>
    <row r="43" spans="1:11">
      <c r="A43" s="1007"/>
      <c r="B43" s="1024" t="s">
        <v>957</v>
      </c>
      <c r="C43" s="1015">
        <v>170464</v>
      </c>
      <c r="D43" s="1016">
        <v>-1138</v>
      </c>
      <c r="E43" s="1017">
        <v>-680</v>
      </c>
      <c r="F43" s="1018">
        <v>989</v>
      </c>
      <c r="G43" s="1019">
        <v>1669</v>
      </c>
      <c r="H43" s="1020">
        <v>-458</v>
      </c>
      <c r="I43" s="1021">
        <v>7109</v>
      </c>
      <c r="J43" s="1022">
        <v>7567</v>
      </c>
      <c r="K43" s="1023">
        <v>171602</v>
      </c>
    </row>
    <row r="44" spans="1:11">
      <c r="A44" s="1007"/>
      <c r="B44" s="1024" t="s">
        <v>958</v>
      </c>
      <c r="C44" s="1015">
        <v>272228</v>
      </c>
      <c r="D44" s="1016">
        <v>263</v>
      </c>
      <c r="E44" s="1017">
        <v>-612</v>
      </c>
      <c r="F44" s="1018">
        <v>1808</v>
      </c>
      <c r="G44" s="1019">
        <v>2420</v>
      </c>
      <c r="H44" s="1020">
        <v>875</v>
      </c>
      <c r="I44" s="1021">
        <v>12812</v>
      </c>
      <c r="J44" s="1022">
        <v>11937</v>
      </c>
      <c r="K44" s="1023">
        <v>271965</v>
      </c>
    </row>
    <row r="45" spans="1:11" ht="13.5" customHeight="1">
      <c r="A45" s="1007"/>
      <c r="B45" s="1029" t="s">
        <v>959</v>
      </c>
      <c r="C45" s="1030">
        <v>280104</v>
      </c>
      <c r="D45" s="1031">
        <v>808</v>
      </c>
      <c r="E45" s="1017">
        <v>-526</v>
      </c>
      <c r="F45" s="1018">
        <v>1918</v>
      </c>
      <c r="G45" s="1019">
        <v>2444</v>
      </c>
      <c r="H45" s="1020">
        <v>1334</v>
      </c>
      <c r="I45" s="1021">
        <v>15127</v>
      </c>
      <c r="J45" s="1022">
        <v>13793</v>
      </c>
      <c r="K45" s="1032">
        <v>279296</v>
      </c>
    </row>
    <row r="46" spans="1:11">
      <c r="A46" s="993"/>
      <c r="B46" s="1024" t="s">
        <v>881</v>
      </c>
      <c r="C46" s="1015">
        <v>224536</v>
      </c>
      <c r="D46" s="1016">
        <v>-711</v>
      </c>
      <c r="E46" s="1017">
        <v>-491</v>
      </c>
      <c r="F46" s="1018">
        <v>1430</v>
      </c>
      <c r="G46" s="1019">
        <v>1921</v>
      </c>
      <c r="H46" s="1020">
        <v>-220</v>
      </c>
      <c r="I46" s="1021">
        <v>10360</v>
      </c>
      <c r="J46" s="1022">
        <v>10580</v>
      </c>
      <c r="K46" s="1023">
        <v>225247</v>
      </c>
    </row>
    <row r="47" spans="1:11">
      <c r="A47" s="993"/>
      <c r="B47" s="1024" t="s">
        <v>882</v>
      </c>
      <c r="C47" s="1015">
        <v>237894</v>
      </c>
      <c r="D47" s="1016">
        <v>2078</v>
      </c>
      <c r="E47" s="1017">
        <v>-238</v>
      </c>
      <c r="F47" s="1018">
        <v>1906</v>
      </c>
      <c r="G47" s="1019">
        <v>2144</v>
      </c>
      <c r="H47" s="1020">
        <v>2316</v>
      </c>
      <c r="I47" s="1021">
        <v>13581</v>
      </c>
      <c r="J47" s="1022">
        <v>11265</v>
      </c>
      <c r="K47" s="1023">
        <v>235816</v>
      </c>
    </row>
    <row r="48" spans="1:11">
      <c r="A48" s="993"/>
      <c r="B48" s="1024" t="s">
        <v>883</v>
      </c>
      <c r="C48" s="1015">
        <v>134073</v>
      </c>
      <c r="D48" s="1016">
        <v>1249</v>
      </c>
      <c r="E48" s="1017">
        <v>-2</v>
      </c>
      <c r="F48" s="1018">
        <v>1058</v>
      </c>
      <c r="G48" s="1019">
        <v>1060</v>
      </c>
      <c r="H48" s="1020">
        <v>1251</v>
      </c>
      <c r="I48" s="1021">
        <v>7093</v>
      </c>
      <c r="J48" s="1022">
        <v>5842</v>
      </c>
      <c r="K48" s="1023">
        <v>132824</v>
      </c>
    </row>
    <row r="49" spans="1:11">
      <c r="A49" s="993"/>
      <c r="B49" s="1024" t="s">
        <v>884</v>
      </c>
      <c r="C49" s="1015">
        <v>130655</v>
      </c>
      <c r="D49" s="1016">
        <v>743</v>
      </c>
      <c r="E49" s="1017">
        <v>-322</v>
      </c>
      <c r="F49" s="1018">
        <v>826</v>
      </c>
      <c r="G49" s="1019">
        <v>1148</v>
      </c>
      <c r="H49" s="1020">
        <v>1065</v>
      </c>
      <c r="I49" s="1021">
        <v>7483</v>
      </c>
      <c r="J49" s="1022">
        <v>6418</v>
      </c>
      <c r="K49" s="1023">
        <v>129912</v>
      </c>
    </row>
    <row r="50" spans="1:11">
      <c r="A50" s="993"/>
      <c r="B50" s="1024" t="s">
        <v>885</v>
      </c>
      <c r="C50" s="1015">
        <v>84484</v>
      </c>
      <c r="D50" s="1016">
        <v>177</v>
      </c>
      <c r="E50" s="1017">
        <v>-255</v>
      </c>
      <c r="F50" s="1018">
        <v>540</v>
      </c>
      <c r="G50" s="1019">
        <v>795</v>
      </c>
      <c r="H50" s="1020">
        <v>432</v>
      </c>
      <c r="I50" s="1021">
        <v>4444</v>
      </c>
      <c r="J50" s="1022">
        <v>4012</v>
      </c>
      <c r="K50" s="1023">
        <v>84307</v>
      </c>
    </row>
    <row r="51" spans="1:11">
      <c r="A51" s="993"/>
      <c r="B51" s="1024" t="s">
        <v>886</v>
      </c>
      <c r="C51" s="1015">
        <v>39413</v>
      </c>
      <c r="D51" s="1016">
        <v>-252</v>
      </c>
      <c r="E51" s="1017">
        <v>-228</v>
      </c>
      <c r="F51" s="1018">
        <v>197</v>
      </c>
      <c r="G51" s="1019">
        <v>425</v>
      </c>
      <c r="H51" s="1020">
        <v>-24</v>
      </c>
      <c r="I51" s="1021">
        <v>1879</v>
      </c>
      <c r="J51" s="1022">
        <v>1903</v>
      </c>
      <c r="K51" s="1023">
        <v>39665</v>
      </c>
    </row>
    <row r="52" spans="1:11">
      <c r="A52" s="993"/>
      <c r="B52" s="1024" t="s">
        <v>324</v>
      </c>
      <c r="C52" s="1015">
        <v>3089</v>
      </c>
      <c r="D52" s="1016">
        <v>-45</v>
      </c>
      <c r="E52" s="1017">
        <v>-29</v>
      </c>
      <c r="F52" s="1018">
        <v>16</v>
      </c>
      <c r="G52" s="1019">
        <v>45</v>
      </c>
      <c r="H52" s="1020">
        <v>-16</v>
      </c>
      <c r="I52" s="1021">
        <v>90</v>
      </c>
      <c r="J52" s="1022">
        <v>106</v>
      </c>
      <c r="K52" s="1023">
        <v>3134</v>
      </c>
    </row>
    <row r="53" spans="1:11" ht="17.25" customHeight="1">
      <c r="A53" s="1341" t="s">
        <v>960</v>
      </c>
      <c r="B53" s="1342"/>
      <c r="C53" s="1008">
        <v>1308801</v>
      </c>
      <c r="D53" s="1009">
        <v>1355</v>
      </c>
      <c r="E53" s="1025">
        <v>-3611</v>
      </c>
      <c r="F53" s="1026">
        <v>8647</v>
      </c>
      <c r="G53" s="1026">
        <v>12258</v>
      </c>
      <c r="H53" s="1009">
        <v>4966</v>
      </c>
      <c r="I53" s="1026">
        <v>54263</v>
      </c>
      <c r="J53" s="1009">
        <v>49297</v>
      </c>
      <c r="K53" s="1025">
        <v>1307446</v>
      </c>
    </row>
    <row r="54" spans="1:11">
      <c r="A54" s="993"/>
      <c r="B54" s="1024" t="s">
        <v>888</v>
      </c>
      <c r="C54" s="1015">
        <v>257713</v>
      </c>
      <c r="D54" s="1016">
        <v>-166</v>
      </c>
      <c r="E54" s="1017">
        <v>-1081</v>
      </c>
      <c r="F54" s="1018">
        <v>1604</v>
      </c>
      <c r="G54" s="1019">
        <v>2685</v>
      </c>
      <c r="H54" s="1020">
        <v>915</v>
      </c>
      <c r="I54" s="1021">
        <v>9409</v>
      </c>
      <c r="J54" s="1022">
        <v>8494</v>
      </c>
      <c r="K54" s="1023">
        <v>257879</v>
      </c>
    </row>
    <row r="55" spans="1:11">
      <c r="A55" s="993"/>
      <c r="B55" s="1024" t="s">
        <v>889</v>
      </c>
      <c r="C55" s="1015">
        <v>434769</v>
      </c>
      <c r="D55" s="1016">
        <v>2674</v>
      </c>
      <c r="E55" s="1017">
        <v>-568</v>
      </c>
      <c r="F55" s="1018">
        <v>3234</v>
      </c>
      <c r="G55" s="1019">
        <v>3802</v>
      </c>
      <c r="H55" s="1020">
        <v>3242</v>
      </c>
      <c r="I55" s="1021">
        <v>20600</v>
      </c>
      <c r="J55" s="1022">
        <v>17358</v>
      </c>
      <c r="K55" s="1023">
        <v>432095</v>
      </c>
    </row>
    <row r="56" spans="1:11">
      <c r="A56" s="993"/>
      <c r="B56" s="1024" t="s">
        <v>890</v>
      </c>
      <c r="C56" s="1015">
        <v>242012</v>
      </c>
      <c r="D56" s="1016">
        <v>-67</v>
      </c>
      <c r="E56" s="1017">
        <v>-586</v>
      </c>
      <c r="F56" s="1018">
        <v>1594</v>
      </c>
      <c r="G56" s="1019">
        <v>2180</v>
      </c>
      <c r="H56" s="1020">
        <v>519</v>
      </c>
      <c r="I56" s="1021">
        <v>9064</v>
      </c>
      <c r="J56" s="1022">
        <v>8545</v>
      </c>
      <c r="K56" s="1023">
        <v>242079</v>
      </c>
    </row>
    <row r="57" spans="1:11">
      <c r="A57" s="993"/>
      <c r="B57" s="1024" t="s">
        <v>891</v>
      </c>
      <c r="C57" s="1015">
        <v>164961</v>
      </c>
      <c r="D57" s="1016">
        <v>-435</v>
      </c>
      <c r="E57" s="1017">
        <v>-686</v>
      </c>
      <c r="F57" s="1018">
        <v>847</v>
      </c>
      <c r="G57" s="1019">
        <v>1533</v>
      </c>
      <c r="H57" s="1020">
        <v>251</v>
      </c>
      <c r="I57" s="1021">
        <v>6032</v>
      </c>
      <c r="J57" s="1022">
        <v>5781</v>
      </c>
      <c r="K57" s="1023">
        <v>165396</v>
      </c>
    </row>
    <row r="58" spans="1:11">
      <c r="A58" s="993"/>
      <c r="B58" s="1024" t="s">
        <v>892</v>
      </c>
      <c r="C58" s="1015">
        <v>102054</v>
      </c>
      <c r="D58" s="1016">
        <v>-350</v>
      </c>
      <c r="E58" s="1017">
        <v>-144</v>
      </c>
      <c r="F58" s="1018">
        <v>718</v>
      </c>
      <c r="G58" s="1019">
        <v>862</v>
      </c>
      <c r="H58" s="1020">
        <v>-206</v>
      </c>
      <c r="I58" s="1021">
        <v>4833</v>
      </c>
      <c r="J58" s="1022">
        <v>5039</v>
      </c>
      <c r="K58" s="1023">
        <v>102404</v>
      </c>
    </row>
    <row r="59" spans="1:11">
      <c r="A59" s="993"/>
      <c r="B59" s="1024" t="s">
        <v>893</v>
      </c>
      <c r="C59" s="1015">
        <v>48390</v>
      </c>
      <c r="D59" s="1016">
        <v>106</v>
      </c>
      <c r="E59" s="1017">
        <v>-89</v>
      </c>
      <c r="F59" s="1018">
        <v>363</v>
      </c>
      <c r="G59" s="1019">
        <v>452</v>
      </c>
      <c r="H59" s="1020">
        <v>195</v>
      </c>
      <c r="I59" s="1021">
        <v>2134</v>
      </c>
      <c r="J59" s="1022">
        <v>1939</v>
      </c>
      <c r="K59" s="1023">
        <v>48284</v>
      </c>
    </row>
    <row r="60" spans="1:11">
      <c r="A60" s="993"/>
      <c r="B60" s="1024" t="s">
        <v>894</v>
      </c>
      <c r="C60" s="1015">
        <v>31249</v>
      </c>
      <c r="D60" s="1016">
        <v>-163</v>
      </c>
      <c r="E60" s="1017">
        <v>-235</v>
      </c>
      <c r="F60" s="1018">
        <v>167</v>
      </c>
      <c r="G60" s="1019">
        <v>402</v>
      </c>
      <c r="H60" s="1020">
        <v>72</v>
      </c>
      <c r="I60" s="1021">
        <v>1188</v>
      </c>
      <c r="J60" s="1022">
        <v>1116</v>
      </c>
      <c r="K60" s="1023">
        <v>31412</v>
      </c>
    </row>
    <row r="61" spans="1:11">
      <c r="A61" s="993"/>
      <c r="B61" s="1024" t="s">
        <v>895</v>
      </c>
      <c r="C61" s="1015">
        <v>27653</v>
      </c>
      <c r="D61" s="1016">
        <v>-244</v>
      </c>
      <c r="E61" s="1017">
        <v>-222</v>
      </c>
      <c r="F61" s="1018">
        <v>120</v>
      </c>
      <c r="G61" s="1019">
        <v>342</v>
      </c>
      <c r="H61" s="1020">
        <v>-22</v>
      </c>
      <c r="I61" s="1021">
        <v>1003</v>
      </c>
      <c r="J61" s="1022">
        <v>1025</v>
      </c>
      <c r="K61" s="1023">
        <v>27897</v>
      </c>
    </row>
    <row r="62" spans="1:11" ht="17.25" customHeight="1">
      <c r="A62" s="1341" t="s">
        <v>961</v>
      </c>
      <c r="B62" s="1342"/>
      <c r="C62" s="1008">
        <v>338290</v>
      </c>
      <c r="D62" s="1009">
        <v>-2311</v>
      </c>
      <c r="E62" s="1025">
        <v>-2311</v>
      </c>
      <c r="F62" s="1025">
        <v>1926</v>
      </c>
      <c r="G62" s="1025">
        <v>4237</v>
      </c>
      <c r="H62" s="1025">
        <v>0</v>
      </c>
      <c r="I62" s="1025">
        <v>14593</v>
      </c>
      <c r="J62" s="1025">
        <v>14593</v>
      </c>
      <c r="K62" s="1025">
        <v>340601</v>
      </c>
    </row>
    <row r="63" spans="1:11">
      <c r="A63" s="993"/>
      <c r="B63" s="1024" t="s">
        <v>897</v>
      </c>
      <c r="C63" s="1015">
        <v>190022</v>
      </c>
      <c r="D63" s="1016">
        <v>-977</v>
      </c>
      <c r="E63" s="1017">
        <v>-1057</v>
      </c>
      <c r="F63" s="1018">
        <v>1193</v>
      </c>
      <c r="G63" s="1019">
        <v>2250</v>
      </c>
      <c r="H63" s="1020">
        <v>80</v>
      </c>
      <c r="I63" s="1021">
        <v>7255</v>
      </c>
      <c r="J63" s="1022">
        <v>7175</v>
      </c>
      <c r="K63" s="1023">
        <v>190999</v>
      </c>
    </row>
    <row r="64" spans="1:11">
      <c r="A64" s="993"/>
      <c r="B64" s="1024" t="s">
        <v>898</v>
      </c>
      <c r="C64" s="1015">
        <v>41685</v>
      </c>
      <c r="D64" s="1016">
        <v>-491</v>
      </c>
      <c r="E64" s="1017">
        <v>-238</v>
      </c>
      <c r="F64" s="1018">
        <v>225</v>
      </c>
      <c r="G64" s="1019">
        <v>463</v>
      </c>
      <c r="H64" s="1020">
        <v>-253</v>
      </c>
      <c r="I64" s="1021">
        <v>1309</v>
      </c>
      <c r="J64" s="1022">
        <v>1562</v>
      </c>
      <c r="K64" s="1023">
        <v>42176</v>
      </c>
    </row>
    <row r="65" spans="1:11">
      <c r="A65" s="993"/>
      <c r="B65" s="1024" t="s">
        <v>899</v>
      </c>
      <c r="C65" s="1015">
        <v>9357</v>
      </c>
      <c r="D65" s="1016">
        <v>-88</v>
      </c>
      <c r="E65" s="1017">
        <v>-64</v>
      </c>
      <c r="F65" s="1018">
        <v>45</v>
      </c>
      <c r="G65" s="1019">
        <v>109</v>
      </c>
      <c r="H65" s="1020">
        <v>-24</v>
      </c>
      <c r="I65" s="1021">
        <v>360</v>
      </c>
      <c r="J65" s="1022">
        <v>384</v>
      </c>
      <c r="K65" s="1023">
        <v>9445</v>
      </c>
    </row>
    <row r="66" spans="1:11">
      <c r="A66" s="993"/>
      <c r="B66" s="1024" t="s">
        <v>900</v>
      </c>
      <c r="C66" s="1015">
        <v>17082</v>
      </c>
      <c r="D66" s="1016">
        <v>46</v>
      </c>
      <c r="E66" s="1017">
        <v>-65</v>
      </c>
      <c r="F66" s="1018">
        <v>100</v>
      </c>
      <c r="G66" s="1019">
        <v>165</v>
      </c>
      <c r="H66" s="1020">
        <v>111</v>
      </c>
      <c r="I66" s="1021">
        <v>766</v>
      </c>
      <c r="J66" s="1022">
        <v>655</v>
      </c>
      <c r="K66" s="1023">
        <v>17036</v>
      </c>
    </row>
    <row r="67" spans="1:11">
      <c r="A67" s="993"/>
      <c r="B67" s="1024" t="s">
        <v>901</v>
      </c>
      <c r="C67" s="1015">
        <v>10802</v>
      </c>
      <c r="D67" s="1016">
        <v>-126</v>
      </c>
      <c r="E67" s="1017">
        <v>-107</v>
      </c>
      <c r="F67" s="1018">
        <v>53</v>
      </c>
      <c r="G67" s="1019">
        <v>160</v>
      </c>
      <c r="H67" s="1020">
        <v>-19</v>
      </c>
      <c r="I67" s="1021">
        <v>1035</v>
      </c>
      <c r="J67" s="1022">
        <v>1054</v>
      </c>
      <c r="K67" s="1023">
        <v>10928</v>
      </c>
    </row>
    <row r="68" spans="1:11">
      <c r="A68" s="993"/>
      <c r="B68" s="1024" t="s">
        <v>317</v>
      </c>
      <c r="C68" s="1015">
        <v>9637</v>
      </c>
      <c r="D68" s="1016">
        <v>-204</v>
      </c>
      <c r="E68" s="1017">
        <v>-131</v>
      </c>
      <c r="F68" s="1018">
        <v>37</v>
      </c>
      <c r="G68" s="1019">
        <v>168</v>
      </c>
      <c r="H68" s="1020">
        <v>-73</v>
      </c>
      <c r="I68" s="1021">
        <v>232</v>
      </c>
      <c r="J68" s="1022">
        <v>305</v>
      </c>
      <c r="K68" s="1023">
        <v>9841</v>
      </c>
    </row>
    <row r="69" spans="1:11">
      <c r="A69" s="993"/>
      <c r="B69" s="1024" t="s">
        <v>310</v>
      </c>
      <c r="C69" s="1015">
        <v>18083</v>
      </c>
      <c r="D69" s="1016">
        <v>263</v>
      </c>
      <c r="E69" s="1017">
        <v>-21</v>
      </c>
      <c r="F69" s="1018">
        <v>135</v>
      </c>
      <c r="G69" s="1019">
        <v>156</v>
      </c>
      <c r="H69" s="1020">
        <v>284</v>
      </c>
      <c r="I69" s="1021">
        <v>897</v>
      </c>
      <c r="J69" s="1022">
        <v>613</v>
      </c>
      <c r="K69" s="1023">
        <v>17820</v>
      </c>
    </row>
    <row r="70" spans="1:11">
      <c r="A70" s="993"/>
      <c r="B70" s="1024" t="s">
        <v>309</v>
      </c>
      <c r="C70" s="1015">
        <v>11102</v>
      </c>
      <c r="D70" s="1016">
        <v>-187</v>
      </c>
      <c r="E70" s="1017">
        <v>-157</v>
      </c>
      <c r="F70" s="1018">
        <v>39</v>
      </c>
      <c r="G70" s="1019">
        <v>196</v>
      </c>
      <c r="H70" s="1020">
        <v>-30</v>
      </c>
      <c r="I70" s="1021">
        <v>1477</v>
      </c>
      <c r="J70" s="1022">
        <v>1507</v>
      </c>
      <c r="K70" s="1023">
        <v>11289</v>
      </c>
    </row>
    <row r="71" spans="1:11">
      <c r="A71" s="993"/>
      <c r="B71" s="1024" t="s">
        <v>311</v>
      </c>
      <c r="C71" s="1015">
        <v>6799</v>
      </c>
      <c r="D71" s="1016">
        <v>-130</v>
      </c>
      <c r="E71" s="1017">
        <v>-115</v>
      </c>
      <c r="F71" s="1018">
        <v>16</v>
      </c>
      <c r="G71" s="1019">
        <v>131</v>
      </c>
      <c r="H71" s="1020">
        <v>-15</v>
      </c>
      <c r="I71" s="1021">
        <v>218</v>
      </c>
      <c r="J71" s="1022">
        <v>233</v>
      </c>
      <c r="K71" s="1023">
        <v>6929</v>
      </c>
    </row>
    <row r="72" spans="1:11">
      <c r="A72" s="993"/>
      <c r="B72" s="1024" t="s">
        <v>313</v>
      </c>
      <c r="C72" s="1015">
        <v>23721</v>
      </c>
      <c r="D72" s="1016">
        <v>-417</v>
      </c>
      <c r="E72" s="1017">
        <v>-356</v>
      </c>
      <c r="F72" s="1018">
        <v>83</v>
      </c>
      <c r="G72" s="1019">
        <v>439</v>
      </c>
      <c r="H72" s="1020">
        <v>-61</v>
      </c>
      <c r="I72" s="1021">
        <v>1044</v>
      </c>
      <c r="J72" s="1022">
        <v>1105</v>
      </c>
      <c r="K72" s="1023">
        <v>24138</v>
      </c>
    </row>
    <row r="73" spans="1:11">
      <c r="A73" s="993"/>
      <c r="B73" s="1024"/>
      <c r="C73" s="1015"/>
      <c r="D73" s="1016"/>
      <c r="E73" s="1017"/>
      <c r="F73" s="1033"/>
      <c r="G73" s="1033"/>
      <c r="H73" s="1020"/>
      <c r="I73" s="1021"/>
      <c r="J73" s="1022"/>
      <c r="K73" s="1023"/>
    </row>
    <row r="74" spans="1:11" ht="14.25" thickBot="1">
      <c r="A74" s="1034"/>
      <c r="B74" s="1035"/>
      <c r="C74" s="1036"/>
      <c r="D74" s="1037"/>
      <c r="E74" s="1038"/>
      <c r="F74" s="1038"/>
      <c r="G74" s="1038"/>
      <c r="H74" s="1039"/>
      <c r="I74" s="1040"/>
      <c r="J74" s="1041"/>
      <c r="K74" s="1042"/>
    </row>
    <row r="75" spans="1:11" ht="15" thickTop="1">
      <c r="A75" s="1043" t="s">
        <v>962</v>
      </c>
      <c r="B75" s="1044"/>
      <c r="C75" s="1045"/>
      <c r="I75" s="977" t="s">
        <v>963</v>
      </c>
    </row>
    <row r="76" spans="1:11" ht="14.25">
      <c r="A76" s="1043" t="s">
        <v>964</v>
      </c>
      <c r="B76" s="1043"/>
      <c r="C76" s="1045"/>
      <c r="I76" s="977" t="s">
        <v>965</v>
      </c>
    </row>
    <row r="77" spans="1:11">
      <c r="C77" s="1045"/>
    </row>
    <row r="78" spans="1:11">
      <c r="C78" s="1045"/>
    </row>
    <row r="79" spans="1:11">
      <c r="C79" s="1045"/>
    </row>
    <row r="80" spans="1:11">
      <c r="C80" s="1045"/>
    </row>
    <row r="81" spans="3:3">
      <c r="C81" s="1045"/>
    </row>
    <row r="82" spans="3:3">
      <c r="C82" s="1045"/>
    </row>
    <row r="83" spans="3:3">
      <c r="C83" s="1045"/>
    </row>
    <row r="84" spans="3:3">
      <c r="C84" s="1045"/>
    </row>
    <row r="85" spans="3:3">
      <c r="C85" s="1045"/>
    </row>
    <row r="86" spans="3:3">
      <c r="C86" s="1045"/>
    </row>
    <row r="87" spans="3:3">
      <c r="C87" s="1045"/>
    </row>
    <row r="88" spans="3:3">
      <c r="C88" s="1045"/>
    </row>
    <row r="89" spans="3:3">
      <c r="C89" s="1045"/>
    </row>
    <row r="90" spans="3:3">
      <c r="C90" s="1045"/>
    </row>
    <row r="91" spans="3:3">
      <c r="C91" s="1045"/>
    </row>
    <row r="92" spans="3:3">
      <c r="C92" s="1045"/>
    </row>
    <row r="93" spans="3:3">
      <c r="C93" s="1045"/>
    </row>
    <row r="94" spans="3:3">
      <c r="C94" s="1045"/>
    </row>
    <row r="95" spans="3:3">
      <c r="C95" s="1045"/>
    </row>
    <row r="96" spans="3:3">
      <c r="C96" s="1045"/>
    </row>
    <row r="97" spans="3:3">
      <c r="C97" s="1045"/>
    </row>
    <row r="98" spans="3:3">
      <c r="C98" s="1045"/>
    </row>
    <row r="99" spans="3:3">
      <c r="C99" s="1045"/>
    </row>
    <row r="100" spans="3:3">
      <c r="C100" s="1045"/>
    </row>
    <row r="101" spans="3:3">
      <c r="C101" s="1045"/>
    </row>
    <row r="102" spans="3:3">
      <c r="C102" s="1045"/>
    </row>
    <row r="103" spans="3:3">
      <c r="C103" s="1045"/>
    </row>
    <row r="104" spans="3:3">
      <c r="C104" s="1045"/>
    </row>
    <row r="105" spans="3:3">
      <c r="C105" s="1045"/>
    </row>
    <row r="106" spans="3:3">
      <c r="C106" s="1045"/>
    </row>
    <row r="107" spans="3:3">
      <c r="C107" s="1045"/>
    </row>
    <row r="108" spans="3:3">
      <c r="C108" s="1045"/>
    </row>
    <row r="109" spans="3:3">
      <c r="C109" s="1045"/>
    </row>
    <row r="110" spans="3:3">
      <c r="C110" s="1045"/>
    </row>
    <row r="111" spans="3:3">
      <c r="C111" s="1045"/>
    </row>
    <row r="112" spans="3:3">
      <c r="C112" s="1045"/>
    </row>
    <row r="113" spans="3:3">
      <c r="C113" s="1045"/>
    </row>
    <row r="114" spans="3:3">
      <c r="C114" s="1045"/>
    </row>
    <row r="115" spans="3:3">
      <c r="C115" s="1045"/>
    </row>
    <row r="116" spans="3:3">
      <c r="C116" s="1045"/>
    </row>
    <row r="117" spans="3:3">
      <c r="C117" s="1045"/>
    </row>
    <row r="118" spans="3:3">
      <c r="C118" s="1045"/>
    </row>
    <row r="119" spans="3:3">
      <c r="C119" s="1045"/>
    </row>
    <row r="120" spans="3:3">
      <c r="C120" s="1045"/>
    </row>
    <row r="121" spans="3:3">
      <c r="C121" s="1045"/>
    </row>
    <row r="122" spans="3:3">
      <c r="C122" s="1045"/>
    </row>
    <row r="123" spans="3:3">
      <c r="C123" s="1045"/>
    </row>
    <row r="124" spans="3:3">
      <c r="C124" s="1045"/>
    </row>
    <row r="125" spans="3:3">
      <c r="C125" s="1045"/>
    </row>
    <row r="126" spans="3:3">
      <c r="C126" s="1045"/>
    </row>
    <row r="127" spans="3:3">
      <c r="C127" s="1045"/>
    </row>
    <row r="128" spans="3:3">
      <c r="C128" s="1045"/>
    </row>
    <row r="129" spans="3:3">
      <c r="C129" s="1045"/>
    </row>
    <row r="130" spans="3:3">
      <c r="C130" s="1045"/>
    </row>
    <row r="131" spans="3:3">
      <c r="C131" s="1045"/>
    </row>
    <row r="132" spans="3:3">
      <c r="C132" s="1045"/>
    </row>
    <row r="133" spans="3:3">
      <c r="C133" s="1045"/>
    </row>
    <row r="134" spans="3:3">
      <c r="C134" s="1045"/>
    </row>
    <row r="135" spans="3:3">
      <c r="C135" s="1045"/>
    </row>
    <row r="136" spans="3:3">
      <c r="C136" s="1045"/>
    </row>
    <row r="137" spans="3:3">
      <c r="C137" s="1045"/>
    </row>
    <row r="138" spans="3:3">
      <c r="C138" s="1045"/>
    </row>
    <row r="139" spans="3:3">
      <c r="C139" s="1045"/>
    </row>
    <row r="140" spans="3:3">
      <c r="C140" s="1045"/>
    </row>
    <row r="141" spans="3:3">
      <c r="C141" s="1045"/>
    </row>
    <row r="142" spans="3:3">
      <c r="C142" s="1045"/>
    </row>
    <row r="143" spans="3:3">
      <c r="C143" s="1045"/>
    </row>
    <row r="144" spans="3:3">
      <c r="C144" s="1045"/>
    </row>
    <row r="145" spans="3:3">
      <c r="C145" s="1045"/>
    </row>
    <row r="146" spans="3:3">
      <c r="C146" s="1045"/>
    </row>
    <row r="147" spans="3:3">
      <c r="C147" s="1045"/>
    </row>
    <row r="148" spans="3:3">
      <c r="C148" s="1045"/>
    </row>
    <row r="149" spans="3:3">
      <c r="C149" s="1045"/>
    </row>
    <row r="150" spans="3:3">
      <c r="C150" s="1045"/>
    </row>
    <row r="151" spans="3:3">
      <c r="C151" s="1045"/>
    </row>
    <row r="152" spans="3:3">
      <c r="C152" s="1045"/>
    </row>
    <row r="153" spans="3:3">
      <c r="C153" s="1045"/>
    </row>
    <row r="154" spans="3:3">
      <c r="C154" s="1045"/>
    </row>
    <row r="155" spans="3:3">
      <c r="C155" s="1045"/>
    </row>
    <row r="156" spans="3:3">
      <c r="C156" s="1045"/>
    </row>
    <row r="157" spans="3:3">
      <c r="C157" s="1045"/>
    </row>
    <row r="158" spans="3:3">
      <c r="C158" s="1045"/>
    </row>
    <row r="159" spans="3:3">
      <c r="C159" s="1045"/>
    </row>
    <row r="160" spans="3:3">
      <c r="C160" s="1045"/>
    </row>
    <row r="161" spans="3:3">
      <c r="C161" s="1045"/>
    </row>
    <row r="162" spans="3:3">
      <c r="C162" s="1045"/>
    </row>
    <row r="163" spans="3:3">
      <c r="C163" s="1045"/>
    </row>
    <row r="164" spans="3:3">
      <c r="C164" s="1045"/>
    </row>
    <row r="165" spans="3:3">
      <c r="C165" s="1045"/>
    </row>
    <row r="166" spans="3:3">
      <c r="C166" s="1045"/>
    </row>
    <row r="167" spans="3:3">
      <c r="C167" s="1045"/>
    </row>
    <row r="168" spans="3:3">
      <c r="C168" s="1045"/>
    </row>
    <row r="169" spans="3:3">
      <c r="C169" s="1045"/>
    </row>
    <row r="170" spans="3:3">
      <c r="C170" s="1045"/>
    </row>
    <row r="171" spans="3:3">
      <c r="C171" s="1045"/>
    </row>
    <row r="172" spans="3:3">
      <c r="C172" s="1045"/>
    </row>
    <row r="173" spans="3:3">
      <c r="C173" s="1045"/>
    </row>
    <row r="174" spans="3:3">
      <c r="C174" s="1045"/>
    </row>
    <row r="175" spans="3:3">
      <c r="C175" s="1045"/>
    </row>
    <row r="176" spans="3:3">
      <c r="C176" s="1045"/>
    </row>
    <row r="177" spans="3:3">
      <c r="C177" s="1045"/>
    </row>
    <row r="178" spans="3:3">
      <c r="C178" s="1045"/>
    </row>
    <row r="179" spans="3:3">
      <c r="C179" s="1045"/>
    </row>
    <row r="180" spans="3:3">
      <c r="C180" s="1045"/>
    </row>
    <row r="181" spans="3:3">
      <c r="C181" s="1045"/>
    </row>
    <row r="182" spans="3:3">
      <c r="C182" s="1045"/>
    </row>
    <row r="183" spans="3:3">
      <c r="C183" s="1045"/>
    </row>
    <row r="184" spans="3:3">
      <c r="C184" s="1045"/>
    </row>
    <row r="185" spans="3:3">
      <c r="C185" s="1045"/>
    </row>
    <row r="186" spans="3:3">
      <c r="C186" s="1045"/>
    </row>
    <row r="187" spans="3:3">
      <c r="C187" s="1045"/>
    </row>
    <row r="188" spans="3:3">
      <c r="C188" s="1045"/>
    </row>
    <row r="189" spans="3:3">
      <c r="C189" s="1045"/>
    </row>
    <row r="190" spans="3:3">
      <c r="C190" s="1045"/>
    </row>
    <row r="191" spans="3:3">
      <c r="C191" s="1045"/>
    </row>
    <row r="192" spans="3:3">
      <c r="C192" s="1045"/>
    </row>
    <row r="193" spans="3:3">
      <c r="C193" s="1045"/>
    </row>
    <row r="194" spans="3:3">
      <c r="C194" s="1045"/>
    </row>
    <row r="195" spans="3:3">
      <c r="C195" s="1045"/>
    </row>
    <row r="196" spans="3:3">
      <c r="C196" s="1045"/>
    </row>
    <row r="197" spans="3:3">
      <c r="C197" s="1045"/>
    </row>
    <row r="198" spans="3:3">
      <c r="C198" s="1045"/>
    </row>
    <row r="199" spans="3:3">
      <c r="C199" s="1045"/>
    </row>
    <row r="200" spans="3:3">
      <c r="C200" s="1045"/>
    </row>
    <row r="201" spans="3:3">
      <c r="C201" s="1045"/>
    </row>
    <row r="202" spans="3:3">
      <c r="C202" s="1045"/>
    </row>
    <row r="203" spans="3:3">
      <c r="C203" s="1045"/>
    </row>
    <row r="204" spans="3:3">
      <c r="C204" s="1045"/>
    </row>
    <row r="205" spans="3:3">
      <c r="C205" s="1045"/>
    </row>
  </sheetData>
  <mergeCells count="7">
    <mergeCell ref="A62:B62"/>
    <mergeCell ref="A8:B8"/>
    <mergeCell ref="A27:B27"/>
    <mergeCell ref="A35:B35"/>
    <mergeCell ref="A41:B41"/>
    <mergeCell ref="A42:B42"/>
    <mergeCell ref="A53:B53"/>
  </mergeCells>
  <phoneticPr fontId="2"/>
  <printOptions horizontalCentered="1"/>
  <pageMargins left="0.59055118110236227" right="0.59055118110236227" top="0.59055118110236227" bottom="0.59055118110236227" header="0" footer="0.19685039370078741"/>
  <pageSetup paperSize="9" scale="78" firstPageNumber="54" fitToWidth="0" orientation="portrait" r:id="rId1"/>
  <headerFooter scaleWithDoc="0" alignWithMargins="0">
    <oddFooter>&amp;C&amp;"ＭＳ Ｐゴシック,太字"-56-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0"/>
  <sheetViews>
    <sheetView zoomScale="110" zoomScaleNormal="110" workbookViewId="0"/>
  </sheetViews>
  <sheetFormatPr defaultRowHeight="12"/>
  <cols>
    <col min="1" max="1" width="1" style="69" customWidth="1"/>
    <col min="2" max="2" width="8.5" style="69" customWidth="1"/>
    <col min="3" max="3" width="10" style="69" customWidth="1"/>
    <col min="4" max="4" width="9.375" style="69" customWidth="1"/>
    <col min="5" max="11" width="8.25" style="69" customWidth="1"/>
    <col min="12" max="12" width="0.875" style="69" customWidth="1"/>
    <col min="13" max="16384" width="9" style="69"/>
  </cols>
  <sheetData>
    <row r="1" spans="1:12" ht="12.75" thickBot="1">
      <c r="B1" s="1046" t="s">
        <v>966</v>
      </c>
      <c r="I1" s="1047"/>
      <c r="K1" s="1048" t="s">
        <v>967</v>
      </c>
      <c r="L1" s="1049"/>
    </row>
    <row r="2" spans="1:12" ht="12.75" thickTop="1">
      <c r="A2" s="1050"/>
      <c r="B2" s="1347" t="s">
        <v>968</v>
      </c>
      <c r="C2" s="1348"/>
      <c r="D2" s="1051"/>
      <c r="E2" s="1052"/>
      <c r="F2" s="1052"/>
      <c r="G2" s="1052"/>
      <c r="H2" s="1052"/>
      <c r="I2" s="1052"/>
      <c r="J2" s="1052"/>
      <c r="K2" s="1052"/>
      <c r="L2" s="1050"/>
    </row>
    <row r="3" spans="1:12">
      <c r="B3" s="1349"/>
      <c r="C3" s="1350"/>
      <c r="D3" s="1053"/>
      <c r="E3" s="1054"/>
      <c r="F3" s="1055"/>
      <c r="G3" s="1056"/>
      <c r="H3" s="1057"/>
      <c r="I3" s="1056"/>
      <c r="J3" s="1056"/>
      <c r="K3" s="1056"/>
      <c r="L3" s="1058"/>
    </row>
    <row r="4" spans="1:12">
      <c r="A4" s="1059"/>
      <c r="B4" s="1351" t="s">
        <v>969</v>
      </c>
      <c r="C4" s="1351" t="s">
        <v>970</v>
      </c>
      <c r="D4" s="1060" t="s">
        <v>971</v>
      </c>
      <c r="E4" s="1061" t="s">
        <v>972</v>
      </c>
      <c r="F4" s="1062" t="s">
        <v>973</v>
      </c>
      <c r="G4" s="1063" t="s">
        <v>974</v>
      </c>
      <c r="H4" s="1064" t="s">
        <v>975</v>
      </c>
      <c r="I4" s="1061" t="s">
        <v>939</v>
      </c>
      <c r="J4" s="1064" t="s">
        <v>976</v>
      </c>
      <c r="K4" s="1063" t="s">
        <v>977</v>
      </c>
      <c r="L4" s="73"/>
    </row>
    <row r="5" spans="1:12">
      <c r="A5" s="1065"/>
      <c r="B5" s="1350"/>
      <c r="C5" s="1350"/>
      <c r="D5" s="1066" t="s">
        <v>978</v>
      </c>
      <c r="E5" s="1067" t="s">
        <v>979</v>
      </c>
      <c r="F5" s="1068" t="s">
        <v>980</v>
      </c>
      <c r="G5" s="1068" t="s">
        <v>195</v>
      </c>
      <c r="H5" s="1066" t="s">
        <v>196</v>
      </c>
      <c r="I5" s="1067" t="s">
        <v>981</v>
      </c>
      <c r="J5" s="1066" t="s">
        <v>948</v>
      </c>
      <c r="K5" s="1068" t="s">
        <v>982</v>
      </c>
      <c r="L5" s="75"/>
    </row>
    <row r="6" spans="1:12">
      <c r="B6" s="1069"/>
      <c r="C6" s="1070" t="s">
        <v>13</v>
      </c>
      <c r="D6" s="1053"/>
      <c r="E6" s="1071" t="s">
        <v>13</v>
      </c>
      <c r="F6" s="1072" t="s">
        <v>13</v>
      </c>
      <c r="G6" s="1071" t="s">
        <v>13</v>
      </c>
      <c r="H6" s="1073" t="s">
        <v>13</v>
      </c>
      <c r="I6" s="1071" t="s">
        <v>13</v>
      </c>
      <c r="J6" s="1073" t="s">
        <v>13</v>
      </c>
      <c r="K6" s="1070" t="s">
        <v>13</v>
      </c>
      <c r="L6" s="1074"/>
    </row>
    <row r="7" spans="1:12">
      <c r="B7" s="1075" t="s">
        <v>930</v>
      </c>
      <c r="C7" s="1076">
        <v>9201825</v>
      </c>
      <c r="D7" s="1077" t="s">
        <v>983</v>
      </c>
      <c r="E7" s="1078">
        <v>20200</v>
      </c>
      <c r="F7" s="1079">
        <v>-19600</v>
      </c>
      <c r="G7" s="1080">
        <v>64905</v>
      </c>
      <c r="H7" s="1080">
        <v>84505</v>
      </c>
      <c r="I7" s="1080">
        <v>39800</v>
      </c>
      <c r="J7" s="1080">
        <v>514781</v>
      </c>
      <c r="K7" s="1080">
        <v>474981</v>
      </c>
      <c r="L7" s="1074"/>
    </row>
    <row r="8" spans="1:12">
      <c r="B8" s="1081" t="s">
        <v>984</v>
      </c>
      <c r="C8" s="1076">
        <v>9181625</v>
      </c>
      <c r="D8" s="1082">
        <v>30</v>
      </c>
      <c r="E8" s="1079">
        <v>18346</v>
      </c>
      <c r="F8" s="1078">
        <v>-14771</v>
      </c>
      <c r="G8" s="1079">
        <v>68228</v>
      </c>
      <c r="H8" s="1078">
        <v>82999</v>
      </c>
      <c r="I8" s="1079">
        <v>33117</v>
      </c>
      <c r="J8" s="1078">
        <v>507579</v>
      </c>
      <c r="K8" s="1080">
        <v>474462</v>
      </c>
      <c r="L8" s="1074"/>
    </row>
    <row r="9" spans="1:12">
      <c r="B9" s="1075">
        <v>30</v>
      </c>
      <c r="C9" s="1076">
        <v>9163279</v>
      </c>
      <c r="D9" s="1082">
        <v>29</v>
      </c>
      <c r="E9" s="1079">
        <v>15879</v>
      </c>
      <c r="F9" s="1078">
        <v>-11083</v>
      </c>
      <c r="G9" s="1079">
        <v>69902</v>
      </c>
      <c r="H9" s="1078">
        <v>80985</v>
      </c>
      <c r="I9" s="1079">
        <v>26962</v>
      </c>
      <c r="J9" s="1078">
        <v>496793</v>
      </c>
      <c r="K9" s="1080">
        <v>469831</v>
      </c>
      <c r="L9" s="1074"/>
    </row>
    <row r="10" spans="1:12">
      <c r="B10" s="1075">
        <v>29</v>
      </c>
      <c r="C10" s="1076">
        <v>9147400</v>
      </c>
      <c r="D10" s="1082">
        <v>28</v>
      </c>
      <c r="E10" s="1079">
        <v>19363</v>
      </c>
      <c r="F10" s="1078">
        <v>-5354</v>
      </c>
      <c r="G10" s="1079">
        <v>72795</v>
      </c>
      <c r="H10" s="1078">
        <v>78149</v>
      </c>
      <c r="I10" s="1079">
        <v>24717</v>
      </c>
      <c r="J10" s="1078">
        <v>486889</v>
      </c>
      <c r="K10" s="1080">
        <v>462172</v>
      </c>
      <c r="L10" s="1074"/>
    </row>
    <row r="11" spans="1:12">
      <c r="B11" s="1075">
        <v>28</v>
      </c>
      <c r="C11" s="1076">
        <v>9128037</v>
      </c>
      <c r="D11" s="1082" t="s">
        <v>985</v>
      </c>
      <c r="E11" s="1079">
        <v>27691</v>
      </c>
      <c r="F11" s="1078">
        <v>-1492</v>
      </c>
      <c r="G11" s="1079">
        <v>75189</v>
      </c>
      <c r="H11" s="1078">
        <v>76681</v>
      </c>
      <c r="I11" s="1079">
        <v>29183</v>
      </c>
      <c r="J11" s="1078">
        <v>521832</v>
      </c>
      <c r="K11" s="1080">
        <v>492649</v>
      </c>
      <c r="L11" s="1074"/>
    </row>
    <row r="12" spans="1:12">
      <c r="B12" s="1083">
        <v>27</v>
      </c>
      <c r="C12" s="1076">
        <v>9100346</v>
      </c>
      <c r="D12" s="1082">
        <v>26</v>
      </c>
      <c r="E12" s="1079">
        <v>16507</v>
      </c>
      <c r="F12" s="1078">
        <v>-285</v>
      </c>
      <c r="G12" s="1079">
        <v>74459</v>
      </c>
      <c r="H12" s="1078">
        <v>74744</v>
      </c>
      <c r="I12" s="1079">
        <v>16792</v>
      </c>
      <c r="J12" s="1078">
        <v>478908</v>
      </c>
      <c r="K12" s="1080">
        <v>462116</v>
      </c>
      <c r="L12" s="1074"/>
    </row>
    <row r="13" spans="1:12">
      <c r="B13" s="1083">
        <v>26</v>
      </c>
      <c r="C13" s="1076">
        <v>9083839</v>
      </c>
      <c r="D13" s="1082">
        <v>25</v>
      </c>
      <c r="E13" s="1079">
        <v>11306</v>
      </c>
      <c r="F13" s="1078">
        <v>2111</v>
      </c>
      <c r="G13" s="1079">
        <v>75656</v>
      </c>
      <c r="H13" s="1078">
        <v>73545</v>
      </c>
      <c r="I13" s="1079">
        <v>9195</v>
      </c>
      <c r="J13" s="1078">
        <v>486505</v>
      </c>
      <c r="K13" s="1080">
        <v>477310</v>
      </c>
      <c r="L13" s="1074"/>
    </row>
    <row r="14" spans="1:12" ht="13.5" customHeight="1">
      <c r="B14" s="1083">
        <v>25</v>
      </c>
      <c r="C14" s="1076">
        <v>9072533</v>
      </c>
      <c r="D14" s="1082">
        <v>24</v>
      </c>
      <c r="E14" s="1079">
        <v>12276</v>
      </c>
      <c r="F14" s="1078">
        <v>4625</v>
      </c>
      <c r="G14" s="1079">
        <v>77079</v>
      </c>
      <c r="H14" s="1078">
        <v>72454</v>
      </c>
      <c r="I14" s="1079">
        <v>7651</v>
      </c>
      <c r="J14" s="1078">
        <v>487933</v>
      </c>
      <c r="K14" s="1080">
        <v>480282</v>
      </c>
      <c r="L14" s="1074"/>
    </row>
    <row r="15" spans="1:12" ht="13.5" customHeight="1">
      <c r="B15" s="1075">
        <v>24</v>
      </c>
      <c r="C15" s="1076">
        <v>9060257</v>
      </c>
      <c r="D15" s="1084">
        <v>23</v>
      </c>
      <c r="E15" s="1079">
        <v>9229</v>
      </c>
      <c r="F15" s="1078">
        <v>5970</v>
      </c>
      <c r="G15" s="1079">
        <v>77353</v>
      </c>
      <c r="H15" s="1078">
        <v>71383</v>
      </c>
      <c r="I15" s="1079">
        <v>3259</v>
      </c>
      <c r="J15" s="1078">
        <v>484175</v>
      </c>
      <c r="K15" s="1080">
        <v>480916</v>
      </c>
      <c r="L15" s="1074"/>
    </row>
    <row r="16" spans="1:12" ht="14.1" customHeight="1">
      <c r="B16" s="1083">
        <v>23</v>
      </c>
      <c r="C16" s="1076">
        <v>9051028</v>
      </c>
      <c r="D16" s="1084" t="s">
        <v>986</v>
      </c>
      <c r="E16" s="1079">
        <v>42896</v>
      </c>
      <c r="F16" s="1078">
        <v>11519</v>
      </c>
      <c r="G16" s="1078">
        <v>79870</v>
      </c>
      <c r="H16" s="1078">
        <v>68351</v>
      </c>
      <c r="I16" s="1078">
        <v>31377</v>
      </c>
      <c r="J16" s="1078">
        <v>530727</v>
      </c>
      <c r="K16" s="1079">
        <v>499350</v>
      </c>
      <c r="L16" s="1074"/>
    </row>
    <row r="17" spans="2:12" ht="14.1" customHeight="1">
      <c r="B17" s="1083">
        <v>22</v>
      </c>
      <c r="C17" s="1076">
        <v>9008132</v>
      </c>
      <c r="D17" s="1084">
        <v>21</v>
      </c>
      <c r="E17" s="1079">
        <v>42780</v>
      </c>
      <c r="F17" s="1078">
        <v>15296</v>
      </c>
      <c r="G17" s="1079">
        <v>79738</v>
      </c>
      <c r="H17" s="1078">
        <v>64442</v>
      </c>
      <c r="I17" s="1079">
        <v>27484</v>
      </c>
      <c r="J17" s="1078">
        <v>520485</v>
      </c>
      <c r="K17" s="1080">
        <v>493001</v>
      </c>
      <c r="L17" s="1085"/>
    </row>
    <row r="18" spans="2:12" ht="14.1" customHeight="1">
      <c r="B18" s="1083">
        <v>21</v>
      </c>
      <c r="C18" s="1076">
        <v>8965352</v>
      </c>
      <c r="D18" s="1084">
        <v>20</v>
      </c>
      <c r="E18" s="1079">
        <v>55096</v>
      </c>
      <c r="F18" s="1078">
        <v>16427</v>
      </c>
      <c r="G18" s="1079">
        <v>80276</v>
      </c>
      <c r="H18" s="1078">
        <v>63849</v>
      </c>
      <c r="I18" s="1079">
        <v>38669</v>
      </c>
      <c r="J18" s="1078">
        <v>530261</v>
      </c>
      <c r="K18" s="1080">
        <v>491592</v>
      </c>
      <c r="L18" s="1086"/>
    </row>
    <row r="19" spans="2:12" ht="14.1" customHeight="1">
      <c r="B19" s="1083">
        <v>20</v>
      </c>
      <c r="C19" s="1087">
        <v>8910256</v>
      </c>
      <c r="D19" s="1083">
        <v>19</v>
      </c>
      <c r="E19" s="1088">
        <v>62090</v>
      </c>
      <c r="F19" s="1087">
        <v>19192</v>
      </c>
      <c r="G19" s="1089">
        <v>80674</v>
      </c>
      <c r="H19" s="1087">
        <v>61482</v>
      </c>
      <c r="I19" s="1089">
        <v>42898</v>
      </c>
      <c r="J19" s="1088">
        <v>549582</v>
      </c>
      <c r="K19" s="1088">
        <v>506684</v>
      </c>
      <c r="L19" s="1086"/>
    </row>
    <row r="20" spans="2:12" ht="14.1" customHeight="1">
      <c r="B20" s="1083">
        <v>19</v>
      </c>
      <c r="C20" s="1087">
        <v>8848166</v>
      </c>
      <c r="D20" s="1083">
        <v>18</v>
      </c>
      <c r="E20" s="1088">
        <v>46534</v>
      </c>
      <c r="F20" s="1087">
        <v>20836</v>
      </c>
      <c r="G20" s="1089">
        <v>80256</v>
      </c>
      <c r="H20" s="1087">
        <v>59420</v>
      </c>
      <c r="I20" s="1089">
        <v>25698</v>
      </c>
      <c r="J20" s="1088">
        <v>543598</v>
      </c>
      <c r="K20" s="1088">
        <v>517900</v>
      </c>
      <c r="L20" s="1086"/>
    </row>
    <row r="21" spans="2:12" ht="14.1" customHeight="1">
      <c r="B21" s="1083">
        <v>18</v>
      </c>
      <c r="C21" s="1087">
        <v>8801632</v>
      </c>
      <c r="D21" s="1083" t="s">
        <v>987</v>
      </c>
      <c r="E21" s="1088">
        <v>52901</v>
      </c>
      <c r="F21" s="1087">
        <v>18418</v>
      </c>
      <c r="G21" s="1089">
        <v>77579</v>
      </c>
      <c r="H21" s="1087">
        <v>59161</v>
      </c>
      <c r="I21" s="1089">
        <v>34483</v>
      </c>
      <c r="J21" s="1088">
        <v>568091</v>
      </c>
      <c r="K21" s="1088">
        <v>533608</v>
      </c>
      <c r="L21" s="1086"/>
    </row>
    <row r="22" spans="2:12" ht="14.1" customHeight="1">
      <c r="B22" s="1083">
        <v>17</v>
      </c>
      <c r="C22" s="1087">
        <v>8748731</v>
      </c>
      <c r="D22" s="1083">
        <v>16</v>
      </c>
      <c r="E22" s="1088">
        <v>51011</v>
      </c>
      <c r="F22" s="1087">
        <v>25047</v>
      </c>
      <c r="G22" s="1089">
        <v>81067</v>
      </c>
      <c r="H22" s="1087">
        <v>56020</v>
      </c>
      <c r="I22" s="1089">
        <v>25964</v>
      </c>
      <c r="J22" s="1088">
        <v>558651</v>
      </c>
      <c r="K22" s="1088">
        <v>532687</v>
      </c>
      <c r="L22" s="1086"/>
    </row>
    <row r="23" spans="2:12" ht="14.1" customHeight="1">
      <c r="B23" s="1083">
        <v>16</v>
      </c>
      <c r="C23" s="1087">
        <v>8697720</v>
      </c>
      <c r="D23" s="1083">
        <v>15</v>
      </c>
      <c r="E23" s="1088">
        <v>58055</v>
      </c>
      <c r="F23" s="1087">
        <v>26314</v>
      </c>
      <c r="G23" s="1089">
        <v>81271</v>
      </c>
      <c r="H23" s="1087">
        <v>54957</v>
      </c>
      <c r="I23" s="1089">
        <v>31741</v>
      </c>
      <c r="J23" s="1088">
        <v>574857</v>
      </c>
      <c r="K23" s="1088">
        <v>543116</v>
      </c>
      <c r="L23" s="1086"/>
    </row>
    <row r="24" spans="2:12" ht="14.1" customHeight="1">
      <c r="B24" s="1083">
        <v>15</v>
      </c>
      <c r="C24" s="1087">
        <v>8639665</v>
      </c>
      <c r="D24" s="1083">
        <v>14</v>
      </c>
      <c r="E24" s="1088">
        <v>64293</v>
      </c>
      <c r="F24" s="1087">
        <v>29182</v>
      </c>
      <c r="G24" s="1089">
        <v>82685</v>
      </c>
      <c r="H24" s="1087">
        <v>53503</v>
      </c>
      <c r="I24" s="1089">
        <v>35111</v>
      </c>
      <c r="J24" s="1088">
        <v>571871</v>
      </c>
      <c r="K24" s="1088">
        <v>536760</v>
      </c>
      <c r="L24" s="1086"/>
    </row>
    <row r="25" spans="2:12" ht="14.1" customHeight="1">
      <c r="B25" s="1083">
        <v>14</v>
      </c>
      <c r="C25" s="1087">
        <v>8575372</v>
      </c>
      <c r="D25" s="1083">
        <v>13</v>
      </c>
      <c r="E25" s="1088">
        <v>71874</v>
      </c>
      <c r="F25" s="1087">
        <v>30898</v>
      </c>
      <c r="G25" s="1089">
        <v>83163</v>
      </c>
      <c r="H25" s="1087">
        <v>52265</v>
      </c>
      <c r="I25" s="1089">
        <v>40976</v>
      </c>
      <c r="J25" s="1088">
        <v>583135</v>
      </c>
      <c r="K25" s="1088">
        <v>542159</v>
      </c>
      <c r="L25" s="1086"/>
    </row>
    <row r="26" spans="2:12" ht="14.1" customHeight="1">
      <c r="B26" s="1083">
        <v>13</v>
      </c>
      <c r="C26" s="1087">
        <v>8503498</v>
      </c>
      <c r="D26" s="1083" t="s">
        <v>988</v>
      </c>
      <c r="E26" s="1088">
        <v>57324</v>
      </c>
      <c r="F26" s="1087">
        <v>33217</v>
      </c>
      <c r="G26" s="1089">
        <v>84411</v>
      </c>
      <c r="H26" s="1087">
        <v>51194</v>
      </c>
      <c r="I26" s="1089">
        <v>24107</v>
      </c>
      <c r="J26" s="1088">
        <v>591245</v>
      </c>
      <c r="K26" s="1088">
        <v>567138</v>
      </c>
      <c r="L26" s="1086"/>
    </row>
    <row r="27" spans="2:12" ht="14.1" customHeight="1">
      <c r="B27" s="1083">
        <v>12</v>
      </c>
      <c r="C27" s="1087">
        <v>8446174</v>
      </c>
      <c r="D27" s="1083">
        <v>11</v>
      </c>
      <c r="E27" s="1088">
        <v>47838</v>
      </c>
      <c r="F27" s="1087">
        <v>31408</v>
      </c>
      <c r="G27" s="1089">
        <v>83308</v>
      </c>
      <c r="H27" s="1087">
        <v>51900</v>
      </c>
      <c r="I27" s="1089">
        <v>16430</v>
      </c>
      <c r="J27" s="1088">
        <v>572124</v>
      </c>
      <c r="K27" s="1088">
        <v>555694</v>
      </c>
      <c r="L27" s="1086"/>
    </row>
    <row r="28" spans="2:12" ht="14.1" customHeight="1">
      <c r="B28" s="1083">
        <v>11</v>
      </c>
      <c r="C28" s="1087">
        <v>8398336</v>
      </c>
      <c r="D28" s="1083">
        <v>10</v>
      </c>
      <c r="E28" s="1088">
        <v>57499</v>
      </c>
      <c r="F28" s="1087">
        <v>34626</v>
      </c>
      <c r="G28" s="1089">
        <v>84711</v>
      </c>
      <c r="H28" s="1087">
        <v>50085</v>
      </c>
      <c r="I28" s="1089">
        <v>22873</v>
      </c>
      <c r="J28" s="1088">
        <v>574061</v>
      </c>
      <c r="K28" s="1088">
        <v>551188</v>
      </c>
      <c r="L28" s="1086"/>
    </row>
    <row r="29" spans="2:12" ht="14.1" customHeight="1">
      <c r="B29" s="1083">
        <v>10</v>
      </c>
      <c r="C29" s="1087">
        <v>8340837</v>
      </c>
      <c r="D29" s="1083" t="s">
        <v>989</v>
      </c>
      <c r="E29" s="1088">
        <v>45333</v>
      </c>
      <c r="F29" s="1087">
        <v>35197</v>
      </c>
      <c r="G29" s="1089">
        <v>82961</v>
      </c>
      <c r="H29" s="1087">
        <v>47764</v>
      </c>
      <c r="I29" s="1089">
        <v>10136</v>
      </c>
      <c r="J29" s="1088">
        <v>579491</v>
      </c>
      <c r="K29" s="1088">
        <v>569355</v>
      </c>
      <c r="L29" s="1086"/>
    </row>
    <row r="30" spans="2:12" ht="14.1" customHeight="1">
      <c r="B30" s="1083" t="s">
        <v>989</v>
      </c>
      <c r="C30" s="1087">
        <v>8295504</v>
      </c>
      <c r="D30" s="1083" t="s">
        <v>990</v>
      </c>
      <c r="E30" s="1088">
        <v>42839</v>
      </c>
      <c r="F30" s="1087">
        <v>36959</v>
      </c>
      <c r="G30" s="1089">
        <v>83046</v>
      </c>
      <c r="H30" s="1087">
        <v>46087</v>
      </c>
      <c r="I30" s="1089">
        <v>5880</v>
      </c>
      <c r="J30" s="1088">
        <v>590290</v>
      </c>
      <c r="K30" s="1088">
        <v>584410</v>
      </c>
      <c r="L30" s="1086"/>
    </row>
    <row r="31" spans="2:12" ht="14.1" customHeight="1">
      <c r="B31" s="1083" t="s">
        <v>990</v>
      </c>
      <c r="C31" s="1087">
        <v>8252665</v>
      </c>
      <c r="D31" s="1083" t="s">
        <v>991</v>
      </c>
      <c r="E31" s="1088">
        <v>13825</v>
      </c>
      <c r="F31" s="1087">
        <v>35304</v>
      </c>
      <c r="G31" s="1089">
        <v>82204</v>
      </c>
      <c r="H31" s="1087">
        <v>46900</v>
      </c>
      <c r="I31" s="1089">
        <v>-21479</v>
      </c>
      <c r="J31" s="1088">
        <v>598915</v>
      </c>
      <c r="K31" s="1088">
        <v>620394</v>
      </c>
      <c r="L31" s="1086"/>
    </row>
    <row r="32" spans="2:12" ht="14.1" customHeight="1">
      <c r="B32" s="1083" t="s">
        <v>992</v>
      </c>
      <c r="C32" s="1087">
        <v>8238840</v>
      </c>
      <c r="D32" s="1075" t="s">
        <v>993</v>
      </c>
      <c r="E32" s="1088">
        <v>41968</v>
      </c>
      <c r="F32" s="1087">
        <v>40246</v>
      </c>
      <c r="G32" s="1089">
        <v>85015</v>
      </c>
      <c r="H32" s="1087">
        <v>44769</v>
      </c>
      <c r="I32" s="1089">
        <v>1722</v>
      </c>
      <c r="J32" s="1088">
        <v>599910</v>
      </c>
      <c r="K32" s="1088">
        <v>598188</v>
      </c>
      <c r="L32" s="1086"/>
    </row>
    <row r="33" spans="2:12" ht="14.1" customHeight="1">
      <c r="B33" s="1075" t="s">
        <v>993</v>
      </c>
      <c r="C33" s="1087">
        <v>8196872</v>
      </c>
      <c r="D33" s="1075" t="s">
        <v>994</v>
      </c>
      <c r="E33" s="1088">
        <v>48360</v>
      </c>
      <c r="F33" s="1087">
        <v>36360</v>
      </c>
      <c r="G33" s="1089">
        <v>80550</v>
      </c>
      <c r="H33" s="1087">
        <v>44190</v>
      </c>
      <c r="I33" s="1089">
        <v>12000</v>
      </c>
      <c r="J33" s="1088">
        <v>597641</v>
      </c>
      <c r="K33" s="1088">
        <v>585641</v>
      </c>
      <c r="L33" s="1086"/>
    </row>
    <row r="34" spans="2:12" ht="14.1" customHeight="1">
      <c r="B34" s="1075" t="s">
        <v>994</v>
      </c>
      <c r="C34" s="1087">
        <v>8148512</v>
      </c>
      <c r="D34" s="1083" t="s">
        <v>995</v>
      </c>
      <c r="E34" s="1088">
        <v>63663</v>
      </c>
      <c r="F34" s="1087">
        <v>38388</v>
      </c>
      <c r="G34" s="1089">
        <v>80794</v>
      </c>
      <c r="H34" s="1087">
        <v>42406</v>
      </c>
      <c r="I34" s="1089">
        <v>25275</v>
      </c>
      <c r="J34" s="1088">
        <v>593602</v>
      </c>
      <c r="K34" s="1088">
        <v>568327</v>
      </c>
      <c r="L34" s="1086"/>
    </row>
    <row r="35" spans="2:12" ht="14.1" customHeight="1">
      <c r="B35" s="1083" t="s">
        <v>995</v>
      </c>
      <c r="C35" s="1087">
        <v>8084849</v>
      </c>
      <c r="D35" s="1083" t="s">
        <v>996</v>
      </c>
      <c r="E35" s="1088">
        <v>86102</v>
      </c>
      <c r="F35" s="1087">
        <v>40921</v>
      </c>
      <c r="G35" s="1089">
        <v>81652</v>
      </c>
      <c r="H35" s="1087">
        <v>40731</v>
      </c>
      <c r="I35" s="1089">
        <v>45181</v>
      </c>
      <c r="J35" s="1088">
        <v>596314</v>
      </c>
      <c r="K35" s="1088">
        <v>551133</v>
      </c>
      <c r="L35" s="1086"/>
    </row>
    <row r="36" spans="2:12" ht="14.1" customHeight="1">
      <c r="B36" s="1083" t="s">
        <v>996</v>
      </c>
      <c r="C36" s="1087">
        <v>7998747</v>
      </c>
      <c r="D36" s="1083" t="s">
        <v>997</v>
      </c>
      <c r="E36" s="1088">
        <v>88365</v>
      </c>
      <c r="F36" s="1087">
        <v>39966</v>
      </c>
      <c r="G36" s="1089">
        <v>79435</v>
      </c>
      <c r="H36" s="1087">
        <v>39469</v>
      </c>
      <c r="I36" s="1089">
        <v>48399</v>
      </c>
      <c r="J36" s="1088">
        <v>611876</v>
      </c>
      <c r="K36" s="1088">
        <v>563477</v>
      </c>
      <c r="L36" s="1086"/>
    </row>
    <row r="37" spans="2:12" ht="14.1" customHeight="1">
      <c r="B37" s="1083" t="s">
        <v>998</v>
      </c>
      <c r="C37" s="1087">
        <v>7910382</v>
      </c>
      <c r="D37" s="1083" t="s">
        <v>999</v>
      </c>
      <c r="E37" s="1088">
        <v>100278</v>
      </c>
      <c r="F37" s="1087">
        <v>42342</v>
      </c>
      <c r="G37" s="1089">
        <v>79173</v>
      </c>
      <c r="H37" s="1087">
        <v>36831</v>
      </c>
      <c r="I37" s="1089">
        <v>57936</v>
      </c>
      <c r="J37" s="1088">
        <v>585529</v>
      </c>
      <c r="K37" s="1088">
        <v>527593</v>
      </c>
      <c r="L37" s="1086"/>
    </row>
    <row r="38" spans="2:12" ht="14.1" customHeight="1">
      <c r="B38" s="1083" t="s">
        <v>999</v>
      </c>
      <c r="C38" s="1087">
        <v>7810104</v>
      </c>
      <c r="D38" s="1083" t="s">
        <v>1000</v>
      </c>
      <c r="E38" s="1088">
        <v>109017</v>
      </c>
      <c r="F38" s="1087">
        <v>47324</v>
      </c>
      <c r="G38" s="1089">
        <v>84328</v>
      </c>
      <c r="H38" s="1087">
        <v>37004</v>
      </c>
      <c r="I38" s="1089">
        <v>61693</v>
      </c>
      <c r="J38" s="1088">
        <v>568062</v>
      </c>
      <c r="K38" s="1088">
        <v>506369</v>
      </c>
      <c r="L38" s="1086"/>
    </row>
    <row r="39" spans="2:12" ht="14.1" customHeight="1">
      <c r="B39" s="1083" t="s">
        <v>1001</v>
      </c>
      <c r="C39" s="1087">
        <v>7701087</v>
      </c>
      <c r="D39" s="1083">
        <v>62</v>
      </c>
      <c r="E39" s="1088">
        <v>128890</v>
      </c>
      <c r="F39" s="1087">
        <v>48655</v>
      </c>
      <c r="G39" s="1089">
        <v>83506</v>
      </c>
      <c r="H39" s="1087">
        <v>34851</v>
      </c>
      <c r="I39" s="1089">
        <v>80235</v>
      </c>
      <c r="J39" s="1088">
        <v>579558</v>
      </c>
      <c r="K39" s="1088">
        <v>499323</v>
      </c>
      <c r="L39" s="1086"/>
    </row>
    <row r="40" spans="2:12" ht="14.1" customHeight="1">
      <c r="B40" s="1083">
        <v>62</v>
      </c>
      <c r="C40" s="1087">
        <v>7572197</v>
      </c>
      <c r="D40" s="1083">
        <v>61</v>
      </c>
      <c r="E40" s="1088">
        <v>119944</v>
      </c>
      <c r="F40" s="1087">
        <v>49040</v>
      </c>
      <c r="G40" s="1089">
        <v>83036</v>
      </c>
      <c r="H40" s="1087">
        <v>33996</v>
      </c>
      <c r="I40" s="1089">
        <v>70904</v>
      </c>
      <c r="J40" s="1088">
        <v>559606</v>
      </c>
      <c r="K40" s="1088">
        <v>488702</v>
      </c>
      <c r="L40" s="1086"/>
    </row>
    <row r="41" spans="2:12" ht="14.1" customHeight="1">
      <c r="B41" s="1083">
        <v>61</v>
      </c>
      <c r="C41" s="1087">
        <v>7452253</v>
      </c>
      <c r="D41" s="1083" t="s">
        <v>1002</v>
      </c>
      <c r="E41" s="1088">
        <v>102260</v>
      </c>
      <c r="F41" s="1087">
        <v>52583</v>
      </c>
      <c r="G41" s="1089">
        <v>86202</v>
      </c>
      <c r="H41" s="1087">
        <v>33619</v>
      </c>
      <c r="I41" s="1089">
        <v>49677</v>
      </c>
      <c r="J41" s="1088">
        <v>545369</v>
      </c>
      <c r="K41" s="1088">
        <v>495692</v>
      </c>
      <c r="L41" s="1086"/>
    </row>
    <row r="42" spans="2:12" ht="14.1" customHeight="1">
      <c r="B42" s="1083">
        <v>60</v>
      </c>
      <c r="C42" s="1087">
        <v>7349993</v>
      </c>
      <c r="D42" s="1083">
        <v>59</v>
      </c>
      <c r="E42" s="1088">
        <v>101415</v>
      </c>
      <c r="F42" s="1087">
        <v>55972</v>
      </c>
      <c r="G42" s="1089">
        <v>88786</v>
      </c>
      <c r="H42" s="1087">
        <v>32814</v>
      </c>
      <c r="I42" s="1089">
        <v>45443</v>
      </c>
      <c r="J42" s="1088">
        <v>529376</v>
      </c>
      <c r="K42" s="1088">
        <v>483933</v>
      </c>
      <c r="L42" s="1086"/>
    </row>
    <row r="43" spans="2:12" ht="14.1" customHeight="1">
      <c r="B43" s="1083">
        <v>59</v>
      </c>
      <c r="C43" s="1087">
        <v>7248578</v>
      </c>
      <c r="D43" s="1083">
        <v>58</v>
      </c>
      <c r="E43" s="1088">
        <v>100535</v>
      </c>
      <c r="F43" s="1087">
        <v>58352</v>
      </c>
      <c r="G43" s="1089">
        <v>90597</v>
      </c>
      <c r="H43" s="1087">
        <v>32245</v>
      </c>
      <c r="I43" s="1089">
        <v>42183</v>
      </c>
      <c r="J43" s="1088">
        <v>530510</v>
      </c>
      <c r="K43" s="1088">
        <v>488327</v>
      </c>
      <c r="L43" s="1086"/>
    </row>
    <row r="44" spans="2:12" ht="14.1" customHeight="1">
      <c r="B44" s="1083">
        <v>58</v>
      </c>
      <c r="C44" s="1087">
        <v>7148043</v>
      </c>
      <c r="D44" s="1083">
        <v>57</v>
      </c>
      <c r="E44" s="1088">
        <v>103483</v>
      </c>
      <c r="F44" s="1087">
        <v>60339</v>
      </c>
      <c r="G44" s="1089">
        <v>90554</v>
      </c>
      <c r="H44" s="1087">
        <v>30215</v>
      </c>
      <c r="I44" s="1089">
        <v>43144</v>
      </c>
      <c r="J44" s="1088">
        <v>542446</v>
      </c>
      <c r="K44" s="1088">
        <v>499302</v>
      </c>
      <c r="L44" s="1086"/>
    </row>
    <row r="45" spans="2:12" ht="14.1" customHeight="1">
      <c r="B45" s="1083">
        <v>57</v>
      </c>
      <c r="C45" s="1087">
        <v>7044560</v>
      </c>
      <c r="D45" s="1083">
        <v>56</v>
      </c>
      <c r="E45" s="1088">
        <v>100986</v>
      </c>
      <c r="F45" s="1087">
        <v>62127</v>
      </c>
      <c r="G45" s="1089">
        <v>92348</v>
      </c>
      <c r="H45" s="1087">
        <v>30221</v>
      </c>
      <c r="I45" s="1089">
        <v>38859</v>
      </c>
      <c r="J45" s="1088">
        <v>540831</v>
      </c>
      <c r="K45" s="1088">
        <v>501972</v>
      </c>
      <c r="L45" s="1086"/>
    </row>
    <row r="46" spans="2:12" ht="14.1" customHeight="1">
      <c r="B46" s="1083">
        <v>56</v>
      </c>
      <c r="C46" s="1087">
        <v>6943574</v>
      </c>
      <c r="D46" s="1083" t="s">
        <v>1003</v>
      </c>
      <c r="E46" s="1088">
        <v>86534</v>
      </c>
      <c r="F46" s="1087">
        <v>64640</v>
      </c>
      <c r="G46" s="1089">
        <v>94274</v>
      </c>
      <c r="H46" s="1087">
        <v>29634</v>
      </c>
      <c r="I46" s="1089">
        <v>21894</v>
      </c>
      <c r="J46" s="1088">
        <v>549403</v>
      </c>
      <c r="K46" s="1088">
        <v>527509</v>
      </c>
      <c r="L46" s="1086"/>
    </row>
    <row r="47" spans="2:12" ht="14.1" customHeight="1">
      <c r="B47" s="1083">
        <v>55</v>
      </c>
      <c r="C47" s="1087">
        <v>6857040</v>
      </c>
      <c r="D47" s="1083">
        <v>54</v>
      </c>
      <c r="E47" s="1088">
        <v>97817</v>
      </c>
      <c r="F47" s="1087">
        <v>71989</v>
      </c>
      <c r="G47" s="1089">
        <v>99947</v>
      </c>
      <c r="H47" s="1087">
        <v>27958</v>
      </c>
      <c r="I47" s="1089">
        <v>25828</v>
      </c>
      <c r="J47" s="1088">
        <v>572868</v>
      </c>
      <c r="K47" s="1088">
        <v>547040</v>
      </c>
      <c r="L47" s="1086"/>
    </row>
    <row r="48" spans="2:12" ht="14.1" customHeight="1">
      <c r="B48" s="1083">
        <v>54</v>
      </c>
      <c r="C48" s="1087">
        <v>6759223</v>
      </c>
      <c r="D48" s="1083">
        <v>53</v>
      </c>
      <c r="E48" s="1088">
        <v>112529</v>
      </c>
      <c r="F48" s="1087">
        <v>76221</v>
      </c>
      <c r="G48" s="1089">
        <v>104017</v>
      </c>
      <c r="H48" s="1087">
        <v>27796</v>
      </c>
      <c r="I48" s="1089">
        <v>36308</v>
      </c>
      <c r="J48" s="1088">
        <v>577221</v>
      </c>
      <c r="K48" s="1088">
        <v>540913</v>
      </c>
      <c r="L48" s="1086"/>
    </row>
    <row r="49" spans="1:12" ht="14.1" customHeight="1">
      <c r="B49" s="1083">
        <v>53</v>
      </c>
      <c r="C49" s="1087">
        <v>6646694</v>
      </c>
      <c r="D49" s="1083">
        <v>52</v>
      </c>
      <c r="E49" s="1088">
        <v>112020</v>
      </c>
      <c r="F49" s="1087">
        <v>81332</v>
      </c>
      <c r="G49" s="1089">
        <v>108145</v>
      </c>
      <c r="H49" s="1087">
        <v>26813</v>
      </c>
      <c r="I49" s="1089">
        <v>30688</v>
      </c>
      <c r="J49" s="1088">
        <v>580079</v>
      </c>
      <c r="K49" s="1088">
        <v>549391</v>
      </c>
      <c r="L49" s="1086"/>
    </row>
    <row r="50" spans="1:12" ht="14.1" customHeight="1">
      <c r="B50" s="1083">
        <v>52</v>
      </c>
      <c r="C50" s="1087">
        <v>6534674</v>
      </c>
      <c r="D50" s="1083">
        <v>51</v>
      </c>
      <c r="E50" s="1088">
        <v>113349</v>
      </c>
      <c r="F50" s="1087">
        <v>87123</v>
      </c>
      <c r="G50" s="1089">
        <v>113644</v>
      </c>
      <c r="H50" s="1087">
        <v>26521</v>
      </c>
      <c r="I50" s="1089">
        <v>26226</v>
      </c>
      <c r="J50" s="1088">
        <v>582766</v>
      </c>
      <c r="K50" s="1088">
        <v>556540</v>
      </c>
      <c r="L50" s="1086"/>
    </row>
    <row r="51" spans="1:12" ht="14.1" customHeight="1">
      <c r="B51" s="1083">
        <v>51</v>
      </c>
      <c r="C51" s="1087">
        <v>6421325</v>
      </c>
      <c r="D51" s="1083" t="s">
        <v>1004</v>
      </c>
      <c r="E51" s="1088">
        <v>125327</v>
      </c>
      <c r="F51" s="1087">
        <v>90784</v>
      </c>
      <c r="G51" s="1089">
        <v>117269</v>
      </c>
      <c r="H51" s="1087">
        <v>26485</v>
      </c>
      <c r="I51" s="1089">
        <v>34543</v>
      </c>
      <c r="J51" s="1088">
        <v>607335</v>
      </c>
      <c r="K51" s="1088">
        <v>572792</v>
      </c>
      <c r="L51" s="1086"/>
    </row>
    <row r="52" spans="1:12" ht="14.1" customHeight="1">
      <c r="B52" s="1083">
        <v>50</v>
      </c>
      <c r="C52" s="1087">
        <v>6295998</v>
      </c>
      <c r="D52" s="1083">
        <v>49</v>
      </c>
      <c r="E52" s="1088">
        <v>157902</v>
      </c>
      <c r="F52" s="1087">
        <v>101799</v>
      </c>
      <c r="G52" s="1089">
        <v>128524</v>
      </c>
      <c r="H52" s="1087">
        <v>26725</v>
      </c>
      <c r="I52" s="1089">
        <v>56103</v>
      </c>
      <c r="J52" s="1088">
        <v>658495</v>
      </c>
      <c r="K52" s="1088">
        <v>602392</v>
      </c>
      <c r="L52" s="1086"/>
    </row>
    <row r="53" spans="1:12" ht="14.1" customHeight="1">
      <c r="B53" s="1083">
        <v>49</v>
      </c>
      <c r="C53" s="1087">
        <v>6138096</v>
      </c>
      <c r="D53" s="1083">
        <v>48</v>
      </c>
      <c r="E53" s="1088">
        <v>179906</v>
      </c>
      <c r="F53" s="1087">
        <v>108371</v>
      </c>
      <c r="G53" s="1089">
        <v>134217</v>
      </c>
      <c r="H53" s="1087">
        <v>25846</v>
      </c>
      <c r="I53" s="1089">
        <v>71535</v>
      </c>
      <c r="J53" s="1088">
        <v>700624</v>
      </c>
      <c r="K53" s="1088">
        <v>629089</v>
      </c>
      <c r="L53" s="1086"/>
    </row>
    <row r="54" spans="1:12" ht="14.1" customHeight="1">
      <c r="B54" s="1083">
        <v>48</v>
      </c>
      <c r="C54" s="1087">
        <v>5958190</v>
      </c>
      <c r="D54" s="1083">
        <v>47</v>
      </c>
      <c r="E54" s="1088">
        <v>199934</v>
      </c>
      <c r="F54" s="1087">
        <v>106384</v>
      </c>
      <c r="G54" s="1089">
        <v>131361</v>
      </c>
      <c r="H54" s="1087">
        <v>24977</v>
      </c>
      <c r="I54" s="1089">
        <v>93550</v>
      </c>
      <c r="J54" s="1088">
        <v>701526</v>
      </c>
      <c r="K54" s="1088">
        <v>607976</v>
      </c>
      <c r="L54" s="1086"/>
    </row>
    <row r="55" spans="1:12" ht="14.1" customHeight="1">
      <c r="B55" s="1083">
        <v>47</v>
      </c>
      <c r="C55" s="1087">
        <v>5758256</v>
      </c>
      <c r="D55" s="1083">
        <v>46</v>
      </c>
      <c r="E55" s="1088">
        <v>233876</v>
      </c>
      <c r="F55" s="1087">
        <v>102700</v>
      </c>
      <c r="G55" s="1089">
        <v>126635</v>
      </c>
      <c r="H55" s="1087">
        <v>23935</v>
      </c>
      <c r="I55" s="1089">
        <v>131176</v>
      </c>
      <c r="J55" s="1088">
        <v>714259</v>
      </c>
      <c r="K55" s="1088">
        <v>583083</v>
      </c>
      <c r="L55" s="1086"/>
    </row>
    <row r="56" spans="1:12" ht="14.1" customHeight="1">
      <c r="B56" s="1083">
        <v>46</v>
      </c>
      <c r="C56" s="1087">
        <v>5524380</v>
      </c>
      <c r="D56" s="1083" t="s">
        <v>1005</v>
      </c>
      <c r="E56" s="1088">
        <v>231476</v>
      </c>
      <c r="F56" s="1087">
        <v>97696</v>
      </c>
      <c r="G56" s="1089">
        <v>120706</v>
      </c>
      <c r="H56" s="1087">
        <v>23010</v>
      </c>
      <c r="I56" s="1089">
        <v>133780</v>
      </c>
      <c r="J56" s="1088">
        <v>770448</v>
      </c>
      <c r="K56" s="1088">
        <v>636668</v>
      </c>
      <c r="L56" s="1086"/>
    </row>
    <row r="57" spans="1:12" ht="14.1" customHeight="1">
      <c r="B57" s="1083">
        <v>45</v>
      </c>
      <c r="C57" s="1087">
        <v>5292904</v>
      </c>
      <c r="D57" s="1083">
        <v>44</v>
      </c>
      <c r="E57" s="1088">
        <v>219526</v>
      </c>
      <c r="F57" s="1087">
        <v>90246</v>
      </c>
      <c r="G57" s="1089">
        <v>111300</v>
      </c>
      <c r="H57" s="1087">
        <v>21054</v>
      </c>
      <c r="I57" s="1089">
        <v>129280</v>
      </c>
      <c r="J57" s="1088">
        <v>728289</v>
      </c>
      <c r="K57" s="1088">
        <v>599009</v>
      </c>
      <c r="L57" s="1086"/>
    </row>
    <row r="58" spans="1:12" ht="14.1" customHeight="1" thickBot="1">
      <c r="B58" s="1083">
        <v>44</v>
      </c>
      <c r="C58" s="1087">
        <v>5073378</v>
      </c>
      <c r="D58" s="1083">
        <v>43</v>
      </c>
      <c r="E58" s="1088">
        <v>227639</v>
      </c>
      <c r="F58" s="1087">
        <v>86018</v>
      </c>
      <c r="G58" s="1089">
        <v>106834</v>
      </c>
      <c r="H58" s="1087">
        <v>20816</v>
      </c>
      <c r="I58" s="1089">
        <v>141621</v>
      </c>
      <c r="J58" s="1088">
        <v>692357</v>
      </c>
      <c r="K58" s="1088">
        <v>550736</v>
      </c>
      <c r="L58" s="1086"/>
    </row>
    <row r="59" spans="1:12" ht="12.75" thickTop="1">
      <c r="A59" s="1050"/>
      <c r="B59" s="1090" t="s">
        <v>1006</v>
      </c>
      <c r="C59" s="1091" t="s">
        <v>1007</v>
      </c>
      <c r="D59" s="1091"/>
      <c r="E59" s="1091"/>
      <c r="F59" s="1091"/>
      <c r="G59" s="1091"/>
      <c r="H59" s="1091"/>
      <c r="I59" s="1091"/>
      <c r="J59" s="1091"/>
      <c r="K59" s="1091"/>
      <c r="L59" s="1092"/>
    </row>
    <row r="60" spans="1:12">
      <c r="B60" s="1093"/>
      <c r="C60" s="1093" t="s">
        <v>1008</v>
      </c>
      <c r="D60" s="1093"/>
      <c r="E60" s="1093"/>
      <c r="F60" s="1093"/>
      <c r="G60" s="1093"/>
      <c r="H60" s="1093"/>
      <c r="I60" s="1093"/>
      <c r="J60" s="1093"/>
      <c r="K60" s="1093"/>
      <c r="L60" s="1094"/>
    </row>
  </sheetData>
  <mergeCells count="3">
    <mergeCell ref="B2:C3"/>
    <mergeCell ref="B4:B5"/>
    <mergeCell ref="C4:C5"/>
  </mergeCells>
  <phoneticPr fontId="2"/>
  <printOptions horizontalCentered="1"/>
  <pageMargins left="0.59055118110236227" right="0.59055118110236227" top="0.59055118110236227" bottom="0.59055118110236227" header="0" footer="0.19685039370078741"/>
  <pageSetup paperSize="9" scale="97" firstPageNumber="55" orientation="portrait" r:id="rId1"/>
  <headerFooter scaleWithDoc="0" alignWithMargins="0">
    <oddFooter>&amp;C&amp;"-,太字"&amp;11-57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8"/>
  <sheetViews>
    <sheetView showGridLines="0" zoomScaleNormal="100" workbookViewId="0"/>
  </sheetViews>
  <sheetFormatPr defaultColWidth="9" defaultRowHeight="13.5"/>
  <cols>
    <col min="1" max="1" width="3.75" style="17" customWidth="1"/>
    <col min="2" max="2" width="0.625" style="17" customWidth="1"/>
    <col min="3" max="3" width="10.125" style="17" customWidth="1"/>
    <col min="4" max="4" width="0.625" style="17" customWidth="1"/>
    <col min="5" max="8" width="10.25" style="17" customWidth="1"/>
    <col min="9" max="9" width="7.375" style="17" customWidth="1"/>
    <col min="10" max="10" width="5.625" style="17" customWidth="1"/>
    <col min="11" max="11" width="6.25" style="17" customWidth="1"/>
    <col min="12" max="12" width="6.375" style="17" customWidth="1"/>
    <col min="13" max="13" width="6.25" style="17" customWidth="1"/>
    <col min="14" max="14" width="6.25" style="17" hidden="1" customWidth="1"/>
    <col min="15" max="16384" width="9" style="17"/>
  </cols>
  <sheetData>
    <row r="1" spans="1:14" ht="20.25" customHeight="1" thickBot="1">
      <c r="A1" s="224" t="s">
        <v>149</v>
      </c>
      <c r="B1" s="225"/>
      <c r="C1" s="225"/>
      <c r="D1" s="225"/>
      <c r="E1" s="225"/>
      <c r="F1" s="225"/>
      <c r="G1" s="225"/>
      <c r="H1" s="225"/>
      <c r="I1" s="226"/>
      <c r="J1" s="226"/>
      <c r="K1" s="226"/>
    </row>
    <row r="2" spans="1:14" ht="14.25" thickTop="1">
      <c r="A2" s="227"/>
      <c r="B2" s="227"/>
      <c r="C2" s="227"/>
      <c r="D2" s="227"/>
      <c r="E2" s="1239" t="s">
        <v>150</v>
      </c>
      <c r="F2" s="1240"/>
      <c r="G2" s="1240"/>
      <c r="H2" s="1240"/>
      <c r="I2" s="1241"/>
      <c r="J2" s="1239" t="s">
        <v>151</v>
      </c>
      <c r="K2" s="1240"/>
      <c r="L2" s="1240"/>
      <c r="M2" s="1240"/>
      <c r="N2" s="1240"/>
    </row>
    <row r="3" spans="1:14">
      <c r="A3" s="228"/>
      <c r="B3" s="228"/>
      <c r="C3" s="229" t="s">
        <v>152</v>
      </c>
      <c r="D3" s="229"/>
      <c r="E3" s="1242" t="s">
        <v>153</v>
      </c>
      <c r="F3" s="230" t="s">
        <v>5</v>
      </c>
      <c r="G3" s="230" t="s">
        <v>6</v>
      </c>
      <c r="H3" s="230" t="s">
        <v>0</v>
      </c>
      <c r="I3" s="1244" t="s">
        <v>154</v>
      </c>
      <c r="J3" s="1242" t="s">
        <v>153</v>
      </c>
      <c r="K3" s="1246" t="s">
        <v>155</v>
      </c>
      <c r="L3" s="1246" t="s">
        <v>156</v>
      </c>
      <c r="M3" s="1246" t="s">
        <v>157</v>
      </c>
      <c r="N3" s="1248" t="s">
        <v>154</v>
      </c>
    </row>
    <row r="4" spans="1:14">
      <c r="A4" s="231"/>
      <c r="B4" s="231"/>
      <c r="C4" s="231"/>
      <c r="D4" s="231"/>
      <c r="E4" s="1243"/>
      <c r="F4" s="232" t="s">
        <v>158</v>
      </c>
      <c r="G4" s="232" t="s">
        <v>159</v>
      </c>
      <c r="H4" s="232" t="s">
        <v>160</v>
      </c>
      <c r="I4" s="1245"/>
      <c r="J4" s="1243"/>
      <c r="K4" s="1247"/>
      <c r="L4" s="1247"/>
      <c r="M4" s="1247"/>
      <c r="N4" s="1249"/>
    </row>
    <row r="5" spans="1:14" ht="15" customHeight="1">
      <c r="A5" s="233"/>
      <c r="B5" s="234"/>
      <c r="C5" s="235" t="s">
        <v>161</v>
      </c>
      <c r="D5" s="236"/>
      <c r="E5" s="237" t="s">
        <v>13</v>
      </c>
      <c r="F5" s="238" t="s">
        <v>13</v>
      </c>
      <c r="G5" s="238" t="s">
        <v>13</v>
      </c>
      <c r="H5" s="238" t="s">
        <v>13</v>
      </c>
      <c r="I5" s="238" t="s">
        <v>13</v>
      </c>
      <c r="J5" s="237" t="s">
        <v>162</v>
      </c>
      <c r="K5" s="238" t="s">
        <v>15</v>
      </c>
      <c r="L5" s="238" t="s">
        <v>15</v>
      </c>
      <c r="M5" s="238" t="s">
        <v>163</v>
      </c>
      <c r="N5" s="238" t="s">
        <v>162</v>
      </c>
    </row>
    <row r="6" spans="1:14" ht="15" customHeight="1">
      <c r="A6" s="239" t="s">
        <v>69</v>
      </c>
      <c r="B6" s="240"/>
      <c r="C6" s="241" t="s">
        <v>164</v>
      </c>
      <c r="D6" s="242"/>
      <c r="E6" s="243">
        <v>9201825</v>
      </c>
      <c r="F6" s="244">
        <v>1094402</v>
      </c>
      <c r="G6" s="244">
        <v>5712800</v>
      </c>
      <c r="H6" s="244">
        <v>2311697</v>
      </c>
      <c r="I6" s="245">
        <v>82926</v>
      </c>
      <c r="J6" s="246" t="s">
        <v>44</v>
      </c>
      <c r="K6" s="247">
        <v>12.001470791594468</v>
      </c>
      <c r="L6" s="247">
        <v>62.64791396417484</v>
      </c>
      <c r="M6" s="247">
        <v>25.350615244230688</v>
      </c>
      <c r="N6" s="247">
        <v>0.90119079639093336</v>
      </c>
    </row>
    <row r="7" spans="1:14" ht="15" customHeight="1">
      <c r="A7" s="239" t="s">
        <v>70</v>
      </c>
      <c r="B7" s="240"/>
      <c r="C7" s="248"/>
      <c r="D7" s="249"/>
      <c r="E7" s="250"/>
      <c r="F7" s="251"/>
      <c r="G7" s="251"/>
      <c r="H7" s="251"/>
      <c r="I7" s="251"/>
      <c r="J7" s="252"/>
      <c r="K7" s="253"/>
      <c r="L7" s="253"/>
      <c r="M7" s="253"/>
      <c r="N7" s="253"/>
    </row>
    <row r="8" spans="1:14" ht="15" customHeight="1">
      <c r="A8" s="239">
        <v>2</v>
      </c>
      <c r="B8" s="240"/>
      <c r="C8" s="254" t="s">
        <v>165</v>
      </c>
      <c r="D8" s="255"/>
      <c r="E8" s="250">
        <v>3749929</v>
      </c>
      <c r="F8" s="251">
        <v>446873</v>
      </c>
      <c r="G8" s="251">
        <v>2358120</v>
      </c>
      <c r="H8" s="251">
        <v>922408</v>
      </c>
      <c r="I8" s="251">
        <v>22528</v>
      </c>
      <c r="J8" s="252" t="s">
        <v>44</v>
      </c>
      <c r="K8" s="253">
        <v>11.988863017421522</v>
      </c>
      <c r="L8" s="253">
        <v>63.264456923201983</v>
      </c>
      <c r="M8" s="253">
        <v>24.746680059376494</v>
      </c>
      <c r="N8" s="253"/>
    </row>
    <row r="9" spans="1:14" ht="15" customHeight="1">
      <c r="A9" s="239" t="s">
        <v>166</v>
      </c>
      <c r="B9" s="240"/>
      <c r="C9" s="254" t="s">
        <v>167</v>
      </c>
      <c r="D9" s="255"/>
      <c r="E9" s="250">
        <v>1531646</v>
      </c>
      <c r="F9" s="251">
        <v>186841</v>
      </c>
      <c r="G9" s="251">
        <v>1004677</v>
      </c>
      <c r="H9" s="251">
        <v>301508</v>
      </c>
      <c r="I9" s="251">
        <v>38620</v>
      </c>
      <c r="J9" s="252" t="s">
        <v>44</v>
      </c>
      <c r="K9" s="253">
        <v>12.514249584401075</v>
      </c>
      <c r="L9" s="253">
        <v>67.291326473885917</v>
      </c>
      <c r="M9" s="253">
        <v>20.194423941713005</v>
      </c>
      <c r="N9" s="253"/>
    </row>
    <row r="10" spans="1:14" ht="15" customHeight="1">
      <c r="A10" s="239">
        <v>1</v>
      </c>
      <c r="B10" s="256"/>
      <c r="C10" s="254" t="s">
        <v>168</v>
      </c>
      <c r="D10" s="255"/>
      <c r="E10" s="250">
        <v>696219</v>
      </c>
      <c r="F10" s="251">
        <v>75731</v>
      </c>
      <c r="G10" s="251">
        <v>394693</v>
      </c>
      <c r="H10" s="251">
        <v>223116</v>
      </c>
      <c r="I10" s="251">
        <v>2679</v>
      </c>
      <c r="J10" s="252" t="s">
        <v>44</v>
      </c>
      <c r="K10" s="253">
        <v>10.919485537964645</v>
      </c>
      <c r="L10" s="253">
        <v>56.909911468696826</v>
      </c>
      <c r="M10" s="253">
        <v>32.170602993338527</v>
      </c>
      <c r="N10" s="253">
        <v>0.38479271608502497</v>
      </c>
    </row>
    <row r="11" spans="1:14" ht="15" customHeight="1">
      <c r="A11" s="239" t="s">
        <v>169</v>
      </c>
      <c r="B11" s="256"/>
      <c r="C11" s="254" t="s">
        <v>170</v>
      </c>
      <c r="D11" s="255"/>
      <c r="E11" s="250">
        <v>1576940</v>
      </c>
      <c r="F11" s="251">
        <v>187872</v>
      </c>
      <c r="G11" s="251">
        <v>972748</v>
      </c>
      <c r="H11" s="251">
        <v>404643</v>
      </c>
      <c r="I11" s="251">
        <v>11677</v>
      </c>
      <c r="J11" s="252" t="s">
        <v>44</v>
      </c>
      <c r="K11" s="253">
        <v>12.002583591383685</v>
      </c>
      <c r="L11" s="253">
        <v>62.145978024140348</v>
      </c>
      <c r="M11" s="253">
        <v>25.851438384475962</v>
      </c>
      <c r="N11" s="253">
        <v>0.7404847362613669</v>
      </c>
    </row>
    <row r="12" spans="1:14" ht="15" customHeight="1">
      <c r="A12" s="239">
        <v>1</v>
      </c>
      <c r="B12" s="256"/>
      <c r="C12" s="254" t="s">
        <v>171</v>
      </c>
      <c r="D12" s="255"/>
      <c r="E12" s="250">
        <v>1308801</v>
      </c>
      <c r="F12" s="251">
        <v>160780</v>
      </c>
      <c r="G12" s="251">
        <v>790323</v>
      </c>
      <c r="H12" s="251">
        <v>352028</v>
      </c>
      <c r="I12" s="251">
        <v>5670</v>
      </c>
      <c r="J12" s="252" t="s">
        <v>44</v>
      </c>
      <c r="K12" s="253">
        <v>12.337976765190914</v>
      </c>
      <c r="L12" s="253">
        <v>60.648008527154985</v>
      </c>
      <c r="M12" s="253">
        <v>27.014014707654106</v>
      </c>
      <c r="N12" s="253">
        <v>0.43322094038742326</v>
      </c>
    </row>
    <row r="13" spans="1:14" ht="15" customHeight="1">
      <c r="A13" s="1236" t="s">
        <v>172</v>
      </c>
      <c r="B13" s="256"/>
      <c r="C13" s="254" t="s">
        <v>173</v>
      </c>
      <c r="D13" s="255"/>
      <c r="E13" s="250">
        <v>338290</v>
      </c>
      <c r="F13" s="251">
        <v>36305</v>
      </c>
      <c r="G13" s="251">
        <v>192239</v>
      </c>
      <c r="H13" s="251">
        <v>107994</v>
      </c>
      <c r="I13" s="251">
        <v>1752</v>
      </c>
      <c r="J13" s="252" t="s">
        <v>44</v>
      </c>
      <c r="K13" s="253">
        <v>10.787786223249677</v>
      </c>
      <c r="L13" s="253">
        <v>57.12252405374727</v>
      </c>
      <c r="M13" s="253">
        <v>32.089689723003048</v>
      </c>
      <c r="N13" s="253">
        <v>0.51789884418694021</v>
      </c>
    </row>
    <row r="14" spans="1:14" ht="15" customHeight="1">
      <c r="A14" s="1237"/>
      <c r="B14" s="256"/>
      <c r="C14" s="254"/>
      <c r="D14" s="255"/>
      <c r="E14" s="250"/>
      <c r="F14" s="251"/>
      <c r="G14" s="251"/>
      <c r="H14" s="251"/>
      <c r="I14" s="251"/>
      <c r="J14" s="252"/>
      <c r="K14" s="253"/>
      <c r="L14" s="253"/>
      <c r="M14" s="253"/>
      <c r="N14" s="253" t="e">
        <v>#DIV/0!</v>
      </c>
    </row>
    <row r="15" spans="1:14" ht="9" customHeight="1" thickBot="1">
      <c r="A15" s="1238"/>
      <c r="B15" s="256"/>
      <c r="C15" s="254"/>
      <c r="D15" s="255"/>
      <c r="E15" s="250"/>
      <c r="F15" s="251"/>
      <c r="G15" s="251"/>
      <c r="H15" s="251"/>
      <c r="I15" s="251"/>
      <c r="J15" s="252"/>
      <c r="K15" s="253"/>
      <c r="L15" s="253"/>
      <c r="M15" s="253"/>
      <c r="N15" s="253"/>
    </row>
    <row r="16" spans="1:14" ht="15" customHeight="1" thickTop="1">
      <c r="A16" s="233"/>
      <c r="B16" s="257"/>
      <c r="C16" s="258" t="s">
        <v>174</v>
      </c>
      <c r="D16" s="259"/>
      <c r="E16" s="260" t="s">
        <v>13</v>
      </c>
      <c r="F16" s="258" t="s">
        <v>13</v>
      </c>
      <c r="G16" s="258" t="s">
        <v>13</v>
      </c>
      <c r="H16" s="258" t="s">
        <v>13</v>
      </c>
      <c r="I16" s="258" t="s">
        <v>13</v>
      </c>
      <c r="J16" s="260" t="s">
        <v>175</v>
      </c>
      <c r="K16" s="258" t="s">
        <v>175</v>
      </c>
      <c r="L16" s="258" t="s">
        <v>175</v>
      </c>
      <c r="M16" s="258" t="s">
        <v>175</v>
      </c>
      <c r="N16" s="258" t="s">
        <v>175</v>
      </c>
    </row>
    <row r="17" spans="1:14" ht="15" customHeight="1">
      <c r="A17" s="239" t="s">
        <v>176</v>
      </c>
      <c r="B17" s="240"/>
      <c r="C17" s="241" t="s">
        <v>164</v>
      </c>
      <c r="D17" s="242"/>
      <c r="E17" s="243">
        <v>9181625</v>
      </c>
      <c r="F17" s="261">
        <v>1106141</v>
      </c>
      <c r="G17" s="261">
        <v>5704254</v>
      </c>
      <c r="H17" s="261">
        <v>2288304</v>
      </c>
      <c r="I17" s="261">
        <v>82926</v>
      </c>
      <c r="J17" s="246" t="s">
        <v>44</v>
      </c>
      <c r="K17" s="247">
        <v>12.157133673726321</v>
      </c>
      <c r="L17" s="247">
        <v>62.693072932734673</v>
      </c>
      <c r="M17" s="247">
        <v>25.14979339353901</v>
      </c>
      <c r="N17" s="262">
        <v>0.42809097380011751</v>
      </c>
    </row>
    <row r="18" spans="1:14" ht="15" customHeight="1">
      <c r="A18" s="239" t="s">
        <v>177</v>
      </c>
      <c r="B18" s="240"/>
      <c r="C18" s="248"/>
      <c r="D18" s="249"/>
      <c r="E18" s="250"/>
      <c r="F18" s="251"/>
      <c r="G18" s="251"/>
      <c r="H18" s="251"/>
      <c r="I18" s="251"/>
      <c r="J18" s="252"/>
      <c r="K18" s="253"/>
      <c r="L18" s="253"/>
      <c r="M18" s="253"/>
      <c r="N18" s="238"/>
    </row>
    <row r="19" spans="1:14" ht="15" customHeight="1">
      <c r="A19" s="239">
        <v>31</v>
      </c>
      <c r="B19" s="240"/>
      <c r="C19" s="254" t="s">
        <v>165</v>
      </c>
      <c r="D19" s="255"/>
      <c r="E19" s="250">
        <v>3740944</v>
      </c>
      <c r="F19" s="251">
        <v>452233</v>
      </c>
      <c r="G19" s="251">
        <v>2352860</v>
      </c>
      <c r="H19" s="251">
        <v>913323</v>
      </c>
      <c r="I19" s="251">
        <v>22528</v>
      </c>
      <c r="J19" s="252" t="s">
        <v>44</v>
      </c>
      <c r="K19" s="253">
        <v>12.161979724699981</v>
      </c>
      <c r="L19" s="253">
        <v>63.275868004010306</v>
      </c>
      <c r="M19" s="253">
        <v>24.562152271289712</v>
      </c>
      <c r="N19" s="263"/>
    </row>
    <row r="20" spans="1:14" ht="15" customHeight="1">
      <c r="A20" s="239" t="s">
        <v>178</v>
      </c>
      <c r="B20" s="240"/>
      <c r="C20" s="254" t="s">
        <v>167</v>
      </c>
      <c r="D20" s="255"/>
      <c r="E20" s="250">
        <v>1517756</v>
      </c>
      <c r="F20" s="251">
        <v>186588</v>
      </c>
      <c r="G20" s="251">
        <v>994561</v>
      </c>
      <c r="H20" s="251">
        <v>297987</v>
      </c>
      <c r="I20" s="251">
        <v>38620</v>
      </c>
      <c r="J20" s="252" t="s">
        <v>44</v>
      </c>
      <c r="K20" s="253">
        <v>12.61466153213768</v>
      </c>
      <c r="L20" s="253">
        <v>67.239320792678967</v>
      </c>
      <c r="M20" s="253">
        <v>20.146017675183352</v>
      </c>
      <c r="N20" s="263"/>
    </row>
    <row r="21" spans="1:14" ht="15" customHeight="1">
      <c r="A21" s="239">
        <v>1</v>
      </c>
      <c r="B21" s="256"/>
      <c r="C21" s="254" t="s">
        <v>168</v>
      </c>
      <c r="D21" s="255"/>
      <c r="E21" s="250">
        <v>701110</v>
      </c>
      <c r="F21" s="251">
        <v>77276</v>
      </c>
      <c r="G21" s="251">
        <v>398095</v>
      </c>
      <c r="H21" s="251">
        <v>223060</v>
      </c>
      <c r="I21" s="251">
        <v>2679</v>
      </c>
      <c r="J21" s="252" t="s">
        <v>44</v>
      </c>
      <c r="K21" s="253">
        <v>11.064228248746117</v>
      </c>
      <c r="L21" s="253">
        <v>56.998472290032943</v>
      </c>
      <c r="M21" s="253">
        <v>31.937299461220935</v>
      </c>
      <c r="N21" s="263">
        <v>7.6101632502761751E-2</v>
      </c>
    </row>
    <row r="22" spans="1:14" ht="15" customHeight="1">
      <c r="A22" s="239" t="s">
        <v>179</v>
      </c>
      <c r="B22" s="256"/>
      <c r="C22" s="254" t="s">
        <v>170</v>
      </c>
      <c r="D22" s="255"/>
      <c r="E22" s="250">
        <v>1573768</v>
      </c>
      <c r="F22" s="251">
        <v>190078</v>
      </c>
      <c r="G22" s="251">
        <v>973172</v>
      </c>
      <c r="H22" s="251">
        <v>398841</v>
      </c>
      <c r="I22" s="251">
        <v>11677</v>
      </c>
      <c r="J22" s="252" t="s">
        <v>44</v>
      </c>
      <c r="K22" s="253">
        <v>12.168177142048703</v>
      </c>
      <c r="L22" s="253">
        <v>62.29931546881712</v>
      </c>
      <c r="M22" s="253">
        <v>25.532507389134178</v>
      </c>
      <c r="N22" s="263">
        <v>0.12973627824137277</v>
      </c>
    </row>
    <row r="23" spans="1:14" ht="15" customHeight="1">
      <c r="A23" s="239">
        <v>1</v>
      </c>
      <c r="B23" s="256"/>
      <c r="C23" s="254" t="s">
        <v>171</v>
      </c>
      <c r="D23" s="255"/>
      <c r="E23" s="250">
        <v>1307446</v>
      </c>
      <c r="F23" s="251">
        <v>162866</v>
      </c>
      <c r="G23" s="251">
        <v>791177</v>
      </c>
      <c r="H23" s="251">
        <v>347733</v>
      </c>
      <c r="I23" s="251">
        <v>5670</v>
      </c>
      <c r="J23" s="252" t="s">
        <v>44</v>
      </c>
      <c r="K23" s="253">
        <v>12.51106181094136</v>
      </c>
      <c r="L23" s="253">
        <v>60.776738855225474</v>
      </c>
      <c r="M23" s="253">
        <v>26.712199333833166</v>
      </c>
      <c r="N23" s="263">
        <v>6.2469184076122057E-2</v>
      </c>
    </row>
    <row r="24" spans="1:14" ht="15" customHeight="1">
      <c r="A24" s="1236" t="s">
        <v>172</v>
      </c>
      <c r="B24" s="256"/>
      <c r="C24" s="254" t="s">
        <v>173</v>
      </c>
      <c r="D24" s="255"/>
      <c r="E24" s="250">
        <v>340601</v>
      </c>
      <c r="F24" s="251">
        <v>37100</v>
      </c>
      <c r="G24" s="251">
        <v>194389</v>
      </c>
      <c r="H24" s="251">
        <v>107360</v>
      </c>
      <c r="I24" s="251">
        <v>1752</v>
      </c>
      <c r="J24" s="252" t="s">
        <v>44</v>
      </c>
      <c r="K24" s="253">
        <v>10.948829714710682</v>
      </c>
      <c r="L24" s="253">
        <v>57.367440954525463</v>
      </c>
      <c r="M24" s="253">
        <v>31.68372933076385</v>
      </c>
      <c r="N24" s="253">
        <v>0.51789884418694021</v>
      </c>
    </row>
    <row r="25" spans="1:14" ht="15" customHeight="1">
      <c r="A25" s="1237"/>
      <c r="B25" s="256"/>
      <c r="C25" s="254"/>
      <c r="D25" s="255"/>
      <c r="E25" s="250"/>
      <c r="F25" s="251"/>
      <c r="G25" s="251"/>
      <c r="H25" s="251"/>
      <c r="I25" s="251"/>
      <c r="J25" s="252"/>
      <c r="K25" s="253"/>
      <c r="L25" s="253"/>
      <c r="M25" s="253"/>
      <c r="N25" s="263">
        <v>5.5887867877840461E-2</v>
      </c>
    </row>
    <row r="26" spans="1:14" ht="7.5" customHeight="1" thickBot="1">
      <c r="A26" s="1238"/>
      <c r="B26" s="256"/>
      <c r="C26" s="254"/>
      <c r="D26" s="255"/>
      <c r="E26" s="264"/>
      <c r="F26" s="265"/>
      <c r="G26" s="265"/>
      <c r="H26" s="265"/>
      <c r="I26" s="265"/>
      <c r="J26" s="266"/>
      <c r="K26" s="263"/>
      <c r="L26" s="263"/>
      <c r="M26" s="263"/>
      <c r="N26" s="263"/>
    </row>
    <row r="27" spans="1:14" ht="15" customHeight="1" thickTop="1">
      <c r="A27" s="1103" t="s">
        <v>69</v>
      </c>
      <c r="B27" s="267"/>
      <c r="C27" s="258" t="s">
        <v>180</v>
      </c>
      <c r="D27" s="259"/>
      <c r="E27" s="260" t="s">
        <v>13</v>
      </c>
      <c r="F27" s="258" t="s">
        <v>13</v>
      </c>
      <c r="G27" s="258" t="s">
        <v>13</v>
      </c>
      <c r="H27" s="258" t="s">
        <v>13</v>
      </c>
      <c r="I27" s="258" t="s">
        <v>13</v>
      </c>
      <c r="J27" s="260" t="s">
        <v>181</v>
      </c>
      <c r="K27" s="258" t="s">
        <v>182</v>
      </c>
      <c r="L27" s="258" t="s">
        <v>182</v>
      </c>
      <c r="M27" s="258" t="s">
        <v>182</v>
      </c>
      <c r="N27" s="258" t="s">
        <v>182</v>
      </c>
    </row>
    <row r="28" spans="1:14" ht="15" customHeight="1">
      <c r="A28" s="268" t="s">
        <v>70</v>
      </c>
      <c r="B28" s="240"/>
      <c r="C28" s="241" t="s">
        <v>164</v>
      </c>
      <c r="D28" s="242"/>
      <c r="E28" s="243">
        <v>20200</v>
      </c>
      <c r="F28" s="244">
        <v>-11739</v>
      </c>
      <c r="G28" s="244">
        <v>8546</v>
      </c>
      <c r="H28" s="244">
        <v>23393</v>
      </c>
      <c r="I28" s="244">
        <v>0</v>
      </c>
      <c r="J28" s="269" t="s">
        <v>183</v>
      </c>
      <c r="K28" s="262">
        <v>-0.15566288213185331</v>
      </c>
      <c r="L28" s="270">
        <v>-4.5158968559832147E-2</v>
      </c>
      <c r="M28" s="262">
        <v>0.20082185069167835</v>
      </c>
      <c r="N28" s="262">
        <v>0.47309982259081584</v>
      </c>
    </row>
    <row r="29" spans="1:14" ht="15" customHeight="1">
      <c r="A29" s="279">
        <v>2</v>
      </c>
      <c r="B29" s="256"/>
      <c r="C29" s="248"/>
      <c r="D29" s="249"/>
      <c r="E29" s="237"/>
      <c r="F29" s="272"/>
      <c r="G29" s="272"/>
      <c r="H29" s="272"/>
      <c r="I29" s="238"/>
      <c r="J29" s="273"/>
      <c r="K29" s="262"/>
      <c r="L29" s="270"/>
      <c r="M29" s="262"/>
      <c r="N29" s="262"/>
    </row>
    <row r="30" spans="1:14" ht="15" customHeight="1">
      <c r="A30" s="271"/>
      <c r="B30" s="240"/>
      <c r="C30" s="254" t="s">
        <v>165</v>
      </c>
      <c r="D30" s="255"/>
      <c r="E30" s="264">
        <v>8985</v>
      </c>
      <c r="F30" s="274">
        <v>-5360</v>
      </c>
      <c r="G30" s="274">
        <v>5260</v>
      </c>
      <c r="H30" s="274">
        <v>9085</v>
      </c>
      <c r="I30" s="275">
        <v>0</v>
      </c>
      <c r="J30" s="266" t="s">
        <v>184</v>
      </c>
      <c r="K30" s="263">
        <v>-0.17311670727845829</v>
      </c>
      <c r="L30" s="276">
        <v>-1.1411080808322538E-2</v>
      </c>
      <c r="M30" s="263">
        <v>0.18452778808678261</v>
      </c>
      <c r="N30" s="263"/>
    </row>
    <row r="31" spans="1:14" ht="15" customHeight="1">
      <c r="A31" s="279" t="s">
        <v>1026</v>
      </c>
      <c r="B31" s="240"/>
      <c r="C31" s="254" t="s">
        <v>167</v>
      </c>
      <c r="D31" s="255"/>
      <c r="E31" s="264">
        <v>13890</v>
      </c>
      <c r="F31" s="274">
        <v>253</v>
      </c>
      <c r="G31" s="274">
        <v>10116</v>
      </c>
      <c r="H31" s="274">
        <v>3521</v>
      </c>
      <c r="I31" s="275">
        <v>0</v>
      </c>
      <c r="J31" s="266" t="s">
        <v>183</v>
      </c>
      <c r="K31" s="263">
        <v>-0.100411947736605</v>
      </c>
      <c r="L31" s="263">
        <v>5.2005681206949816E-2</v>
      </c>
      <c r="M31" s="263">
        <v>4.8406266529653408E-2</v>
      </c>
      <c r="N31" s="263"/>
    </row>
    <row r="32" spans="1:14" ht="15" customHeight="1">
      <c r="A32" s="277" t="s">
        <v>1027</v>
      </c>
      <c r="B32" s="256"/>
      <c r="C32" s="254" t="s">
        <v>168</v>
      </c>
      <c r="D32" s="255"/>
      <c r="E32" s="264">
        <v>-4891</v>
      </c>
      <c r="F32" s="265">
        <v>-1545</v>
      </c>
      <c r="G32" s="265">
        <v>-3402</v>
      </c>
      <c r="H32" s="265">
        <v>56</v>
      </c>
      <c r="I32" s="265">
        <v>0</v>
      </c>
      <c r="J32" s="266" t="s">
        <v>185</v>
      </c>
      <c r="K32" s="263">
        <v>-0.14474271078147183</v>
      </c>
      <c r="L32" s="278">
        <v>-8.8560821336116646E-2</v>
      </c>
      <c r="M32" s="263">
        <v>0.23330353211759203</v>
      </c>
      <c r="N32" s="263">
        <v>0.30869108358226321</v>
      </c>
    </row>
    <row r="33" spans="1:14" ht="15" customHeight="1">
      <c r="A33" s="277">
        <v>31</v>
      </c>
      <c r="B33" s="240"/>
      <c r="C33" s="254" t="s">
        <v>170</v>
      </c>
      <c r="D33" s="255"/>
      <c r="E33" s="264">
        <v>3172</v>
      </c>
      <c r="F33" s="265">
        <v>-2206</v>
      </c>
      <c r="G33" s="265">
        <v>-424</v>
      </c>
      <c r="H33" s="265">
        <v>5802</v>
      </c>
      <c r="I33" s="265">
        <v>0</v>
      </c>
      <c r="J33" s="266" t="s">
        <v>183</v>
      </c>
      <c r="K33" s="263">
        <v>-0.1655935506650188</v>
      </c>
      <c r="L33" s="263">
        <v>-0.15333744467677235</v>
      </c>
      <c r="M33" s="263">
        <v>0.31893099534178404</v>
      </c>
      <c r="N33" s="263">
        <v>0.61074845801999411</v>
      </c>
    </row>
    <row r="34" spans="1:14" ht="15" customHeight="1">
      <c r="A34" s="279" t="s">
        <v>59</v>
      </c>
      <c r="B34" s="240"/>
      <c r="C34" s="254" t="s">
        <v>171</v>
      </c>
      <c r="D34" s="255"/>
      <c r="E34" s="264">
        <v>1355</v>
      </c>
      <c r="F34" s="265">
        <v>-2086</v>
      </c>
      <c r="G34" s="265">
        <v>-854</v>
      </c>
      <c r="H34" s="265">
        <v>4295</v>
      </c>
      <c r="I34" s="265">
        <v>0</v>
      </c>
      <c r="J34" s="266" t="s">
        <v>186</v>
      </c>
      <c r="K34" s="263">
        <v>-0.17308504575044559</v>
      </c>
      <c r="L34" s="263">
        <v>-0.12873032807048901</v>
      </c>
      <c r="M34" s="263">
        <v>0.30181537382093993</v>
      </c>
      <c r="N34" s="263">
        <v>0.37075175631130119</v>
      </c>
    </row>
    <row r="35" spans="1:14" ht="15" customHeight="1">
      <c r="A35" s="279" t="s">
        <v>187</v>
      </c>
      <c r="B35" s="240"/>
      <c r="C35" s="254" t="s">
        <v>173</v>
      </c>
      <c r="D35" s="255"/>
      <c r="E35" s="264">
        <v>-2311</v>
      </c>
      <c r="F35" s="265">
        <v>-795</v>
      </c>
      <c r="G35" s="265">
        <v>-2150</v>
      </c>
      <c r="H35" s="265">
        <v>634</v>
      </c>
      <c r="I35" s="265">
        <v>0</v>
      </c>
      <c r="J35" s="266" t="s">
        <v>184</v>
      </c>
      <c r="K35" s="263">
        <v>-0.16104349146100461</v>
      </c>
      <c r="L35" s="263">
        <v>-0.24491690077819328</v>
      </c>
      <c r="M35" s="263">
        <v>0.40596039223919789</v>
      </c>
      <c r="N35" s="263">
        <v>0</v>
      </c>
    </row>
    <row r="36" spans="1:14" ht="15" customHeight="1">
      <c r="A36" s="279" t="s">
        <v>188</v>
      </c>
      <c r="B36" s="240"/>
      <c r="C36" s="254"/>
      <c r="D36" s="255"/>
      <c r="E36" s="264"/>
      <c r="F36" s="265"/>
      <c r="G36" s="265"/>
      <c r="H36" s="265"/>
      <c r="I36" s="265"/>
      <c r="J36" s="266"/>
      <c r="K36" s="263"/>
      <c r="L36" s="263"/>
      <c r="M36" s="263"/>
      <c r="N36" s="263">
        <v>0.2</v>
      </c>
    </row>
    <row r="37" spans="1:14" ht="7.5" customHeight="1" thickBot="1">
      <c r="A37" s="280"/>
      <c r="B37" s="281"/>
      <c r="C37" s="282"/>
      <c r="D37" s="283"/>
      <c r="E37" s="284"/>
      <c r="F37" s="285"/>
      <c r="G37" s="285"/>
      <c r="H37" s="285"/>
      <c r="I37" s="285"/>
      <c r="J37" s="286"/>
      <c r="K37" s="287"/>
      <c r="L37" s="287"/>
      <c r="M37" s="287"/>
      <c r="N37" s="287"/>
    </row>
    <row r="38" spans="1:14" ht="14.25" thickTop="1">
      <c r="A38" s="16" t="s">
        <v>91</v>
      </c>
      <c r="B38" s="16"/>
      <c r="C38" s="16"/>
      <c r="D38" s="16"/>
      <c r="E38" s="16"/>
      <c r="F38" s="16"/>
      <c r="G38" s="16"/>
      <c r="H38" s="16"/>
      <c r="I38" s="16"/>
      <c r="J38" s="16"/>
    </row>
  </sheetData>
  <mergeCells count="11">
    <mergeCell ref="A13:A15"/>
    <mergeCell ref="A24:A26"/>
    <mergeCell ref="E2:I2"/>
    <mergeCell ref="J2:N2"/>
    <mergeCell ref="E3:E4"/>
    <mergeCell ref="I3:I4"/>
    <mergeCell ref="J3:J4"/>
    <mergeCell ref="K3:K4"/>
    <mergeCell ref="L3:L4"/>
    <mergeCell ref="M3:M4"/>
    <mergeCell ref="N3:N4"/>
  </mergeCells>
  <phoneticPr fontId="2"/>
  <pageMargins left="0.78740157480314965" right="0.78740157480314965" top="0.98425196850393704" bottom="0.98425196850393704" header="0.51181102362204722" footer="0.51181102362204722"/>
  <pageSetup paperSize="9" scale="98" orientation="portrait" blackAndWhite="1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17"/>
  <sheetViews>
    <sheetView showGridLines="0" zoomScaleNormal="100" workbookViewId="0"/>
  </sheetViews>
  <sheetFormatPr defaultColWidth="9" defaultRowHeight="13.5"/>
  <cols>
    <col min="1" max="1" width="0.625" style="17" customWidth="1"/>
    <col min="2" max="2" width="11.75" style="17" customWidth="1"/>
    <col min="3" max="3" width="0.625" style="17" customWidth="1"/>
    <col min="4" max="14" width="8.625" style="17" customWidth="1"/>
    <col min="15" max="16384" width="9" style="17"/>
  </cols>
  <sheetData>
    <row r="1" spans="2:14" ht="18" customHeight="1" thickBot="1">
      <c r="B1" s="1104" t="s">
        <v>189</v>
      </c>
      <c r="C1" s="225"/>
      <c r="D1" s="225"/>
      <c r="E1" s="225"/>
      <c r="F1" s="225"/>
      <c r="G1" s="225"/>
      <c r="H1" s="225"/>
      <c r="I1" s="225"/>
      <c r="J1" s="225"/>
      <c r="K1" s="225"/>
    </row>
    <row r="2" spans="2:14" s="16" customFormat="1" ht="15.75" customHeight="1" thickTop="1">
      <c r="B2" s="1250" t="s">
        <v>152</v>
      </c>
      <c r="C2" s="18"/>
      <c r="D2" s="1253" t="s">
        <v>190</v>
      </c>
      <c r="E2" s="1254"/>
      <c r="F2" s="1254"/>
      <c r="G2" s="1255"/>
      <c r="H2" s="1253" t="s">
        <v>191</v>
      </c>
      <c r="I2" s="1254"/>
      <c r="J2" s="1254"/>
      <c r="K2" s="1255"/>
      <c r="L2" s="1253" t="s">
        <v>192</v>
      </c>
      <c r="M2" s="1254"/>
      <c r="N2" s="1254"/>
    </row>
    <row r="3" spans="2:14" s="16" customFormat="1" ht="12">
      <c r="B3" s="1251"/>
      <c r="C3" s="1105"/>
      <c r="D3" s="1106" t="s">
        <v>193</v>
      </c>
      <c r="E3" s="1106" t="s">
        <v>55</v>
      </c>
      <c r="F3" s="1106" t="s">
        <v>56</v>
      </c>
      <c r="G3" s="1106" t="s">
        <v>194</v>
      </c>
      <c r="H3" s="1106" t="s">
        <v>193</v>
      </c>
      <c r="I3" s="1106" t="s">
        <v>55</v>
      </c>
      <c r="J3" s="1106" t="s">
        <v>56</v>
      </c>
      <c r="K3" s="1106" t="s">
        <v>194</v>
      </c>
      <c r="L3" s="1106" t="s">
        <v>193</v>
      </c>
      <c r="M3" s="1106" t="s">
        <v>55</v>
      </c>
      <c r="N3" s="1107" t="s">
        <v>56</v>
      </c>
    </row>
    <row r="4" spans="2:14" s="16" customFormat="1" ht="12">
      <c r="B4" s="1252"/>
      <c r="C4" s="1105"/>
      <c r="D4" s="1108"/>
      <c r="E4" s="1109" t="s">
        <v>195</v>
      </c>
      <c r="F4" s="1109" t="s">
        <v>196</v>
      </c>
      <c r="G4" s="1109" t="s">
        <v>197</v>
      </c>
      <c r="H4" s="1109"/>
      <c r="I4" s="1109" t="s">
        <v>198</v>
      </c>
      <c r="J4" s="1109" t="s">
        <v>199</v>
      </c>
      <c r="K4" s="1109" t="s">
        <v>200</v>
      </c>
      <c r="L4" s="1108"/>
      <c r="M4" s="1108"/>
      <c r="N4" s="1110"/>
    </row>
    <row r="5" spans="2:14" s="16" customFormat="1" ht="12">
      <c r="B5" s="1095"/>
      <c r="C5" s="1095"/>
      <c r="D5" s="31" t="s">
        <v>201</v>
      </c>
      <c r="E5" s="31" t="s">
        <v>202</v>
      </c>
      <c r="F5" s="31" t="s">
        <v>202</v>
      </c>
      <c r="G5" s="31" t="s">
        <v>202</v>
      </c>
      <c r="H5" s="31" t="s">
        <v>201</v>
      </c>
      <c r="I5" s="31" t="s">
        <v>202</v>
      </c>
      <c r="J5" s="31" t="s">
        <v>202</v>
      </c>
      <c r="K5" s="31" t="s">
        <v>202</v>
      </c>
      <c r="L5" s="31" t="s">
        <v>202</v>
      </c>
      <c r="M5" s="31" t="s">
        <v>202</v>
      </c>
      <c r="N5" s="1111" t="s">
        <v>202</v>
      </c>
    </row>
    <row r="6" spans="2:14" s="288" customFormat="1" ht="12.75" customHeight="1">
      <c r="B6" s="1112" t="s">
        <v>164</v>
      </c>
      <c r="C6" s="1113"/>
      <c r="D6" s="1114">
        <v>46.17</v>
      </c>
      <c r="E6" s="1115">
        <v>44.89</v>
      </c>
      <c r="F6" s="1114">
        <v>47.44</v>
      </c>
      <c r="G6" s="1115">
        <v>2.5499999999999972</v>
      </c>
      <c r="H6" s="1114">
        <v>45.91</v>
      </c>
      <c r="I6" s="1115">
        <v>44.64</v>
      </c>
      <c r="J6" s="1114">
        <v>47.16</v>
      </c>
      <c r="K6" s="1115">
        <v>2.519999999999996</v>
      </c>
      <c r="L6" s="1115">
        <v>0.26000000000000512</v>
      </c>
      <c r="M6" s="1115">
        <v>0.25</v>
      </c>
      <c r="N6" s="1116">
        <v>0.28000000000000114</v>
      </c>
    </row>
    <row r="7" spans="2:14" s="16" customFormat="1" ht="12">
      <c r="B7" s="20"/>
      <c r="C7" s="20"/>
      <c r="D7" s="1108"/>
      <c r="E7" s="1108"/>
      <c r="F7" s="1108"/>
      <c r="G7" s="1108"/>
      <c r="H7" s="1108"/>
      <c r="I7" s="1108"/>
      <c r="J7" s="1108"/>
      <c r="K7" s="1108"/>
      <c r="L7" s="1108"/>
      <c r="M7" s="1108"/>
      <c r="N7" s="1110"/>
    </row>
    <row r="8" spans="2:14" s="16" customFormat="1" ht="17.25" customHeight="1">
      <c r="B8" s="1117" t="s">
        <v>165</v>
      </c>
      <c r="C8" s="1117"/>
      <c r="D8" s="1118">
        <v>46.05</v>
      </c>
      <c r="E8" s="1118">
        <v>44.8</v>
      </c>
      <c r="F8" s="1118">
        <v>47.27</v>
      </c>
      <c r="G8" s="1119">
        <v>2.470000000000006</v>
      </c>
      <c r="H8" s="1120">
        <v>45.79</v>
      </c>
      <c r="I8" s="1120">
        <v>44.56</v>
      </c>
      <c r="J8" s="1120">
        <v>46.99</v>
      </c>
      <c r="K8" s="1121">
        <v>2.4299999999999997</v>
      </c>
      <c r="L8" s="1120">
        <v>0.25999999999999801</v>
      </c>
      <c r="M8" s="1120">
        <v>0.23999999999999488</v>
      </c>
      <c r="N8" s="1122">
        <v>0.28000000000000114</v>
      </c>
    </row>
    <row r="9" spans="2:14" s="16" customFormat="1" ht="17.25" customHeight="1">
      <c r="B9" s="1117" t="s">
        <v>167</v>
      </c>
      <c r="C9" s="1117"/>
      <c r="D9" s="1118">
        <v>43.56</v>
      </c>
      <c r="E9" s="1118">
        <v>42.51</v>
      </c>
      <c r="F9" s="1118">
        <v>44.63</v>
      </c>
      <c r="G9" s="1119">
        <v>2.1200000000000045</v>
      </c>
      <c r="H9" s="1120">
        <v>43.4</v>
      </c>
      <c r="I9" s="1120">
        <v>42.34</v>
      </c>
      <c r="J9" s="1120">
        <v>44.47</v>
      </c>
      <c r="K9" s="1121">
        <v>2.1299999999999955</v>
      </c>
      <c r="L9" s="1120">
        <v>0.16000000000000369</v>
      </c>
      <c r="M9" s="1120">
        <v>0.1699999999999946</v>
      </c>
      <c r="N9" s="1122">
        <v>0.16000000000000369</v>
      </c>
    </row>
    <row r="10" spans="2:14" s="16" customFormat="1" ht="17.25" customHeight="1">
      <c r="B10" s="1117" t="s">
        <v>168</v>
      </c>
      <c r="C10" s="1117"/>
      <c r="D10" s="1118">
        <v>49.68</v>
      </c>
      <c r="E10" s="1118">
        <v>47.83</v>
      </c>
      <c r="F10" s="1118">
        <v>51.43</v>
      </c>
      <c r="G10" s="1119">
        <v>3.6000000000000014</v>
      </c>
      <c r="H10" s="1118">
        <v>49.38</v>
      </c>
      <c r="I10" s="1118">
        <v>47.56</v>
      </c>
      <c r="J10" s="1118">
        <v>51.1</v>
      </c>
      <c r="K10" s="1119">
        <v>3.5399999999999991</v>
      </c>
      <c r="L10" s="1123">
        <v>0.29999999999999716</v>
      </c>
      <c r="M10" s="1123">
        <v>0.26999999999999602</v>
      </c>
      <c r="N10" s="1124">
        <v>0.32999999999999829</v>
      </c>
    </row>
    <row r="11" spans="2:14" s="16" customFormat="1" ht="17.25" customHeight="1">
      <c r="B11" s="1117" t="s">
        <v>170</v>
      </c>
      <c r="C11" s="1117"/>
      <c r="D11" s="1118">
        <v>46.17</v>
      </c>
      <c r="E11" s="1118">
        <v>45.04</v>
      </c>
      <c r="F11" s="1118">
        <v>47.32</v>
      </c>
      <c r="G11" s="1119">
        <v>2.2800000000000011</v>
      </c>
      <c r="H11" s="1118">
        <v>45.84</v>
      </c>
      <c r="I11" s="1118">
        <v>44.73</v>
      </c>
      <c r="J11" s="1118">
        <v>46.97</v>
      </c>
      <c r="K11" s="1119">
        <v>2.240000000000002</v>
      </c>
      <c r="L11" s="1123">
        <v>0.32999999999999829</v>
      </c>
      <c r="M11" s="1123">
        <v>0.31000000000000227</v>
      </c>
      <c r="N11" s="1124">
        <v>0.35000000000000142</v>
      </c>
    </row>
    <row r="12" spans="2:14" s="16" customFormat="1" ht="17.25" customHeight="1">
      <c r="B12" s="1117" t="s">
        <v>171</v>
      </c>
      <c r="C12" s="1117"/>
      <c r="D12" s="1118">
        <v>46.78</v>
      </c>
      <c r="E12" s="1118">
        <v>45.43</v>
      </c>
      <c r="F12" s="1118">
        <v>48.11</v>
      </c>
      <c r="G12" s="1119">
        <v>2.6799999999999997</v>
      </c>
      <c r="H12" s="1118">
        <v>46.45</v>
      </c>
      <c r="I12" s="1118">
        <v>45.12</v>
      </c>
      <c r="J12" s="1118">
        <v>47.76</v>
      </c>
      <c r="K12" s="1119">
        <v>2.6400000000000006</v>
      </c>
      <c r="L12" s="1123">
        <v>0.32999999999999829</v>
      </c>
      <c r="M12" s="1123">
        <v>0.31000000000000227</v>
      </c>
      <c r="N12" s="1124">
        <v>0.35000000000000142</v>
      </c>
    </row>
    <row r="13" spans="2:14" s="16" customFormat="1" ht="17.25" customHeight="1">
      <c r="B13" s="1117" t="s">
        <v>173</v>
      </c>
      <c r="C13" s="1117"/>
      <c r="D13" s="1118">
        <v>49.62</v>
      </c>
      <c r="E13" s="1118">
        <v>47.98</v>
      </c>
      <c r="F13" s="1118">
        <v>51.18</v>
      </c>
      <c r="G13" s="1119">
        <v>3.2000000000000028</v>
      </c>
      <c r="H13" s="1118">
        <v>49.25</v>
      </c>
      <c r="I13" s="1118">
        <v>47.64</v>
      </c>
      <c r="J13" s="1118">
        <v>50.77</v>
      </c>
      <c r="K13" s="1119">
        <v>3.1300000000000026</v>
      </c>
      <c r="L13" s="1123">
        <v>0.36999999999999744</v>
      </c>
      <c r="M13" s="1123">
        <v>0.33999999999999631</v>
      </c>
      <c r="N13" s="1124">
        <v>0.40999999999999659</v>
      </c>
    </row>
    <row r="14" spans="2:14" s="16" customFormat="1" ht="16.5" customHeight="1" thickBot="1">
      <c r="B14" s="282"/>
      <c r="C14" s="282"/>
      <c r="D14" s="289"/>
      <c r="E14" s="289"/>
      <c r="F14" s="289"/>
      <c r="G14" s="289"/>
      <c r="H14" s="290"/>
      <c r="I14" s="290"/>
      <c r="J14" s="290"/>
      <c r="K14" s="290"/>
      <c r="L14" s="290"/>
      <c r="M14" s="290"/>
      <c r="N14" s="291"/>
    </row>
    <row r="15" spans="2:14" ht="14.25" thickTop="1"/>
    <row r="16" spans="2:14">
      <c r="D16" s="292"/>
    </row>
    <row r="17" spans="4:4">
      <c r="D17" s="292"/>
    </row>
  </sheetData>
  <mergeCells count="4">
    <mergeCell ref="B2:B4"/>
    <mergeCell ref="D2:G2"/>
    <mergeCell ref="H2:K2"/>
    <mergeCell ref="L2:N2"/>
  </mergeCells>
  <phoneticPr fontId="2"/>
  <pageMargins left="0.78740157480314965" right="0.78740157480314965" top="0.98425196850393704" bottom="0.98425196850393704" header="0.51181102362204722" footer="0.51181102362204722"/>
  <pageSetup paperSize="9" scale="80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61"/>
  <sheetViews>
    <sheetView zoomScale="75" zoomScaleNormal="75" zoomScaleSheetLayoutView="100" workbookViewId="0"/>
  </sheetViews>
  <sheetFormatPr defaultRowHeight="13.5"/>
  <cols>
    <col min="1" max="1" width="5.75" style="165" customWidth="1"/>
    <col min="2" max="2" width="12.375" style="165" customWidth="1"/>
    <col min="3" max="9" width="15.125" style="165" customWidth="1"/>
    <col min="10" max="10" width="9.75" style="165" bestFit="1" customWidth="1"/>
    <col min="11" max="16384" width="9" style="165"/>
  </cols>
  <sheetData>
    <row r="1" spans="1:10" ht="21" customHeight="1" thickBot="1">
      <c r="A1" s="293" t="s">
        <v>203</v>
      </c>
      <c r="B1" s="294"/>
      <c r="C1" s="295"/>
    </row>
    <row r="2" spans="1:10" s="296" customFormat="1" ht="19.5" customHeight="1" thickTop="1">
      <c r="A2" s="1259" t="s">
        <v>204</v>
      </c>
      <c r="B2" s="1260"/>
      <c r="C2" s="1263" t="s">
        <v>205</v>
      </c>
      <c r="D2" s="1256" t="s">
        <v>206</v>
      </c>
      <c r="E2" s="1256" t="s">
        <v>207</v>
      </c>
      <c r="F2" s="1256" t="s">
        <v>208</v>
      </c>
      <c r="G2" s="1256" t="s">
        <v>209</v>
      </c>
      <c r="H2" s="1256" t="s">
        <v>210</v>
      </c>
      <c r="I2" s="1257" t="s">
        <v>211</v>
      </c>
    </row>
    <row r="3" spans="1:10" s="296" customFormat="1" ht="20.25" customHeight="1">
      <c r="A3" s="1261"/>
      <c r="B3" s="1262"/>
      <c r="C3" s="1264"/>
      <c r="D3" s="1265"/>
      <c r="E3" s="1265"/>
      <c r="F3" s="1265"/>
      <c r="G3" s="1231"/>
      <c r="H3" s="1231"/>
      <c r="I3" s="1258"/>
    </row>
    <row r="4" spans="1:10" s="296" customFormat="1" ht="16.5" customHeight="1">
      <c r="A4" s="297"/>
      <c r="B4" s="298"/>
      <c r="C4" s="299" t="s">
        <v>212</v>
      </c>
      <c r="D4" s="300" t="s">
        <v>213</v>
      </c>
      <c r="E4" s="299" t="s">
        <v>213</v>
      </c>
      <c r="F4" s="301" t="s">
        <v>212</v>
      </c>
      <c r="G4" s="300" t="s">
        <v>212</v>
      </c>
      <c r="H4" s="300" t="s">
        <v>212</v>
      </c>
      <c r="I4" s="300" t="s">
        <v>212</v>
      </c>
    </row>
    <row r="5" spans="1:10" s="296" customFormat="1" ht="16.5" customHeight="1">
      <c r="A5" s="297"/>
      <c r="B5" s="302" t="s">
        <v>214</v>
      </c>
      <c r="C5" s="303">
        <v>9201825</v>
      </c>
      <c r="D5" s="304">
        <v>3749929</v>
      </c>
      <c r="E5" s="303">
        <v>1531646</v>
      </c>
      <c r="F5" s="305">
        <v>696219</v>
      </c>
      <c r="G5" s="304">
        <v>1576940</v>
      </c>
      <c r="H5" s="304">
        <v>1308801</v>
      </c>
      <c r="I5" s="304">
        <v>338290</v>
      </c>
      <c r="J5" s="306"/>
    </row>
    <row r="6" spans="1:10" s="296" customFormat="1" ht="16.5" customHeight="1">
      <c r="A6" s="297"/>
      <c r="B6" s="307"/>
      <c r="C6" s="308"/>
      <c r="D6" s="309"/>
      <c r="E6" s="310"/>
      <c r="F6" s="311"/>
      <c r="G6" s="310"/>
      <c r="H6" s="311"/>
      <c r="I6" s="309"/>
    </row>
    <row r="7" spans="1:10" s="296" customFormat="1" ht="16.5" customHeight="1">
      <c r="A7" s="312"/>
      <c r="B7" s="313" t="s">
        <v>215</v>
      </c>
      <c r="C7" s="314">
        <v>346881</v>
      </c>
      <c r="D7" s="315">
        <v>141185</v>
      </c>
      <c r="E7" s="315">
        <v>66448</v>
      </c>
      <c r="F7" s="315">
        <v>22040</v>
      </c>
      <c r="G7" s="315">
        <v>57970</v>
      </c>
      <c r="H7" s="315">
        <v>48787</v>
      </c>
      <c r="I7" s="316">
        <v>10451</v>
      </c>
    </row>
    <row r="8" spans="1:10" s="296" customFormat="1" ht="16.5" customHeight="1">
      <c r="A8" s="312"/>
      <c r="B8" s="313" t="s">
        <v>216</v>
      </c>
      <c r="C8" s="314">
        <v>365929</v>
      </c>
      <c r="D8" s="317">
        <v>149862</v>
      </c>
      <c r="E8" s="317">
        <v>60863</v>
      </c>
      <c r="F8" s="317">
        <v>25549</v>
      </c>
      <c r="G8" s="317">
        <v>63141</v>
      </c>
      <c r="H8" s="317">
        <v>54260</v>
      </c>
      <c r="I8" s="316">
        <v>12254</v>
      </c>
    </row>
    <row r="9" spans="1:10" s="296" customFormat="1" ht="16.5" customHeight="1">
      <c r="A9" s="318"/>
      <c r="B9" s="313" t="s">
        <v>217</v>
      </c>
      <c r="C9" s="314">
        <v>381592</v>
      </c>
      <c r="D9" s="317">
        <v>155826</v>
      </c>
      <c r="E9" s="317">
        <v>59530</v>
      </c>
      <c r="F9" s="317">
        <v>28142</v>
      </c>
      <c r="G9" s="317">
        <v>66761</v>
      </c>
      <c r="H9" s="317">
        <v>57733</v>
      </c>
      <c r="I9" s="316">
        <v>13600</v>
      </c>
    </row>
    <row r="10" spans="1:10" s="296" customFormat="1" ht="16.5" customHeight="1">
      <c r="A10" s="318"/>
      <c r="B10" s="313" t="s">
        <v>218</v>
      </c>
      <c r="C10" s="314">
        <v>414305</v>
      </c>
      <c r="D10" s="317">
        <v>169887</v>
      </c>
      <c r="E10" s="317">
        <v>61563</v>
      </c>
      <c r="F10" s="317">
        <v>33681</v>
      </c>
      <c r="G10" s="317">
        <v>71796</v>
      </c>
      <c r="H10" s="317">
        <v>61801</v>
      </c>
      <c r="I10" s="316">
        <v>15577</v>
      </c>
    </row>
    <row r="11" spans="1:10" s="296" customFormat="1" ht="16.5" customHeight="1">
      <c r="A11" s="318" t="s">
        <v>219</v>
      </c>
      <c r="B11" s="319" t="s">
        <v>220</v>
      </c>
      <c r="C11" s="314">
        <v>506863</v>
      </c>
      <c r="D11" s="317">
        <v>209344</v>
      </c>
      <c r="E11" s="320">
        <v>92449</v>
      </c>
      <c r="F11" s="320">
        <v>31815</v>
      </c>
      <c r="G11" s="320">
        <v>88949</v>
      </c>
      <c r="H11" s="320">
        <v>68498</v>
      </c>
      <c r="I11" s="321">
        <v>15808</v>
      </c>
    </row>
    <row r="12" spans="1:10" s="296" customFormat="1" ht="16.5" customHeight="1">
      <c r="A12" s="318" t="s">
        <v>221</v>
      </c>
      <c r="B12" s="313" t="s">
        <v>222</v>
      </c>
      <c r="C12" s="322">
        <v>505423</v>
      </c>
      <c r="D12" s="315">
        <v>205201</v>
      </c>
      <c r="E12" s="317">
        <v>109222</v>
      </c>
      <c r="F12" s="317">
        <v>27041</v>
      </c>
      <c r="G12" s="317">
        <v>87001</v>
      </c>
      <c r="H12" s="317">
        <v>63186</v>
      </c>
      <c r="I12" s="316">
        <v>13772</v>
      </c>
    </row>
    <row r="13" spans="1:10" s="296" customFormat="1" ht="16.5" customHeight="1">
      <c r="A13" s="318">
        <v>2</v>
      </c>
      <c r="B13" s="313" t="s">
        <v>223</v>
      </c>
      <c r="C13" s="314">
        <v>506076</v>
      </c>
      <c r="D13" s="317">
        <v>207658</v>
      </c>
      <c r="E13" s="317">
        <v>104923</v>
      </c>
      <c r="F13" s="317">
        <v>29374</v>
      </c>
      <c r="G13" s="317">
        <v>84383</v>
      </c>
      <c r="H13" s="317">
        <v>64912</v>
      </c>
      <c r="I13" s="316">
        <v>14826</v>
      </c>
    </row>
    <row r="14" spans="1:10" s="296" customFormat="1" ht="16.5" customHeight="1">
      <c r="A14" s="318" t="s">
        <v>224</v>
      </c>
      <c r="B14" s="313" t="s">
        <v>225</v>
      </c>
      <c r="C14" s="314">
        <v>570638</v>
      </c>
      <c r="D14" s="317">
        <v>233462</v>
      </c>
      <c r="E14" s="317">
        <v>110379</v>
      </c>
      <c r="F14" s="317">
        <v>35030</v>
      </c>
      <c r="G14" s="317">
        <v>95751</v>
      </c>
      <c r="H14" s="317">
        <v>78271</v>
      </c>
      <c r="I14" s="316">
        <v>17745</v>
      </c>
    </row>
    <row r="15" spans="1:10" s="296" customFormat="1" ht="16.5" customHeight="1">
      <c r="A15" s="318">
        <v>1</v>
      </c>
      <c r="B15" s="313" t="s">
        <v>226</v>
      </c>
      <c r="C15" s="314">
        <v>662764</v>
      </c>
      <c r="D15" s="317">
        <v>270136</v>
      </c>
      <c r="E15" s="317">
        <v>118859</v>
      </c>
      <c r="F15" s="317">
        <v>45307</v>
      </c>
      <c r="G15" s="317">
        <v>112996</v>
      </c>
      <c r="H15" s="317">
        <v>94199</v>
      </c>
      <c r="I15" s="316">
        <v>21267</v>
      </c>
    </row>
    <row r="16" spans="1:10" s="296" customFormat="1" ht="16.5" customHeight="1">
      <c r="A16" s="318" t="s">
        <v>227</v>
      </c>
      <c r="B16" s="319" t="s">
        <v>228</v>
      </c>
      <c r="C16" s="308">
        <v>783639</v>
      </c>
      <c r="D16" s="320">
        <v>324091</v>
      </c>
      <c r="E16" s="320">
        <v>130196</v>
      </c>
      <c r="F16" s="320">
        <v>57242</v>
      </c>
      <c r="G16" s="320">
        <v>135441</v>
      </c>
      <c r="H16" s="320">
        <v>110439</v>
      </c>
      <c r="I16" s="321">
        <v>26230</v>
      </c>
    </row>
    <row r="17" spans="1:10" s="296" customFormat="1" ht="16.5" customHeight="1">
      <c r="A17" s="318">
        <v>1</v>
      </c>
      <c r="B17" s="313" t="s">
        <v>229</v>
      </c>
      <c r="C17" s="314">
        <v>703176</v>
      </c>
      <c r="D17" s="317">
        <v>296764</v>
      </c>
      <c r="E17" s="317">
        <v>114576</v>
      </c>
      <c r="F17" s="317">
        <v>51666</v>
      </c>
      <c r="G17" s="317">
        <v>118342</v>
      </c>
      <c r="H17" s="317">
        <v>97367</v>
      </c>
      <c r="I17" s="316">
        <v>24461</v>
      </c>
    </row>
    <row r="18" spans="1:10" s="296" customFormat="1" ht="16.5" customHeight="1">
      <c r="A18" s="318" t="s">
        <v>230</v>
      </c>
      <c r="B18" s="313" t="s">
        <v>231</v>
      </c>
      <c r="C18" s="314">
        <v>574414</v>
      </c>
      <c r="D18" s="317">
        <v>242221</v>
      </c>
      <c r="E18" s="317">
        <v>90814</v>
      </c>
      <c r="F18" s="317">
        <v>43977</v>
      </c>
      <c r="G18" s="317">
        <v>95130</v>
      </c>
      <c r="H18" s="317">
        <v>80681</v>
      </c>
      <c r="I18" s="316">
        <v>21591</v>
      </c>
    </row>
    <row r="19" spans="1:10" s="296" customFormat="1" ht="16.5" customHeight="1">
      <c r="A19" s="318" t="s">
        <v>232</v>
      </c>
      <c r="B19" s="313" t="s">
        <v>233</v>
      </c>
      <c r="C19" s="314">
        <v>485502</v>
      </c>
      <c r="D19" s="317">
        <v>199356</v>
      </c>
      <c r="E19" s="317">
        <v>71696</v>
      </c>
      <c r="F19" s="317">
        <v>39560</v>
      </c>
      <c r="G19" s="317">
        <v>82959</v>
      </c>
      <c r="H19" s="317">
        <v>70969</v>
      </c>
      <c r="I19" s="316">
        <v>20962</v>
      </c>
    </row>
    <row r="20" spans="1:10" s="296" customFormat="1" ht="16.5" customHeight="1">
      <c r="A20" s="318" t="s">
        <v>234</v>
      </c>
      <c r="B20" s="313" t="s">
        <v>235</v>
      </c>
      <c r="C20" s="314">
        <v>536795</v>
      </c>
      <c r="D20" s="317">
        <v>213053</v>
      </c>
      <c r="E20" s="317">
        <v>73497</v>
      </c>
      <c r="F20" s="317">
        <v>46459</v>
      </c>
      <c r="G20" s="317">
        <v>96923</v>
      </c>
      <c r="H20" s="317">
        <v>82037</v>
      </c>
      <c r="I20" s="316">
        <v>24826</v>
      </c>
    </row>
    <row r="21" spans="1:10" s="296" customFormat="1" ht="16.5" customHeight="1">
      <c r="A21" s="323"/>
      <c r="B21" s="319" t="s">
        <v>236</v>
      </c>
      <c r="C21" s="314">
        <v>583820</v>
      </c>
      <c r="D21" s="320">
        <v>230169</v>
      </c>
      <c r="E21" s="320">
        <v>75139</v>
      </c>
      <c r="F21" s="320">
        <v>54719</v>
      </c>
      <c r="G21" s="320">
        <v>106268</v>
      </c>
      <c r="H21" s="320">
        <v>90647</v>
      </c>
      <c r="I21" s="321">
        <v>26878</v>
      </c>
    </row>
    <row r="22" spans="1:10" s="296" customFormat="1" ht="16.5" customHeight="1">
      <c r="A22" s="297"/>
      <c r="B22" s="313" t="s">
        <v>237</v>
      </c>
      <c r="C22" s="322">
        <v>498335</v>
      </c>
      <c r="D22" s="317">
        <v>195759</v>
      </c>
      <c r="E22" s="317">
        <v>62081</v>
      </c>
      <c r="F22" s="317">
        <v>48861</v>
      </c>
      <c r="G22" s="317">
        <v>92191</v>
      </c>
      <c r="H22" s="317">
        <v>76480</v>
      </c>
      <c r="I22" s="316">
        <v>22963</v>
      </c>
    </row>
    <row r="23" spans="1:10" s="296" customFormat="1" ht="16.5" customHeight="1">
      <c r="A23" s="297"/>
      <c r="B23" s="313" t="s">
        <v>238</v>
      </c>
      <c r="C23" s="314">
        <v>347805</v>
      </c>
      <c r="D23" s="317">
        <v>141615</v>
      </c>
      <c r="E23" s="317">
        <v>44478</v>
      </c>
      <c r="F23" s="317">
        <v>35177</v>
      </c>
      <c r="G23" s="317">
        <v>58444</v>
      </c>
      <c r="H23" s="317">
        <v>51948</v>
      </c>
      <c r="I23" s="316">
        <v>16143</v>
      </c>
    </row>
    <row r="24" spans="1:10" s="296" customFormat="1" ht="16.5" customHeight="1">
      <c r="A24" s="297"/>
      <c r="B24" s="313" t="s">
        <v>239</v>
      </c>
      <c r="C24" s="314">
        <v>214991</v>
      </c>
      <c r="D24" s="317">
        <v>89229</v>
      </c>
      <c r="E24" s="317">
        <v>28804</v>
      </c>
      <c r="F24" s="317">
        <v>23240</v>
      </c>
      <c r="G24" s="317">
        <v>32047</v>
      </c>
      <c r="H24" s="317">
        <v>31219</v>
      </c>
      <c r="I24" s="316">
        <v>10452</v>
      </c>
    </row>
    <row r="25" spans="1:10" s="296" customFormat="1" ht="16.5" customHeight="1">
      <c r="A25" s="297"/>
      <c r="B25" s="313" t="s">
        <v>240</v>
      </c>
      <c r="C25" s="314">
        <v>98279</v>
      </c>
      <c r="D25" s="317">
        <v>40312</v>
      </c>
      <c r="E25" s="317">
        <v>13272</v>
      </c>
      <c r="F25" s="317">
        <v>10934</v>
      </c>
      <c r="G25" s="317">
        <v>14063</v>
      </c>
      <c r="H25" s="317">
        <v>14665</v>
      </c>
      <c r="I25" s="316">
        <v>5033</v>
      </c>
    </row>
    <row r="26" spans="1:10" s="296" customFormat="1" ht="16.5" customHeight="1">
      <c r="A26" s="297"/>
      <c r="B26" s="319" t="s">
        <v>241</v>
      </c>
      <c r="C26" s="308">
        <v>26895</v>
      </c>
      <c r="D26" s="320">
        <v>10632</v>
      </c>
      <c r="E26" s="320">
        <v>3586</v>
      </c>
      <c r="F26" s="320">
        <v>3096</v>
      </c>
      <c r="G26" s="320">
        <v>3879</v>
      </c>
      <c r="H26" s="320">
        <v>4260</v>
      </c>
      <c r="I26" s="321">
        <v>1442</v>
      </c>
    </row>
    <row r="27" spans="1:10" s="296" customFormat="1" ht="16.5" customHeight="1">
      <c r="A27" s="297"/>
      <c r="B27" s="324" t="s">
        <v>242</v>
      </c>
      <c r="C27" s="314">
        <v>4777</v>
      </c>
      <c r="D27" s="325">
        <v>1639</v>
      </c>
      <c r="E27" s="317">
        <v>651</v>
      </c>
      <c r="F27" s="325">
        <v>630</v>
      </c>
      <c r="G27" s="325">
        <v>828</v>
      </c>
      <c r="H27" s="317">
        <v>772</v>
      </c>
      <c r="I27" s="316">
        <v>257</v>
      </c>
    </row>
    <row r="28" spans="1:10" s="296" customFormat="1" ht="16.5" customHeight="1">
      <c r="A28" s="297"/>
      <c r="B28" s="326" t="s">
        <v>128</v>
      </c>
      <c r="C28" s="327">
        <v>82926</v>
      </c>
      <c r="D28" s="328">
        <v>22528</v>
      </c>
      <c r="E28" s="329">
        <v>38620</v>
      </c>
      <c r="F28" s="328">
        <v>2679</v>
      </c>
      <c r="G28" s="330">
        <v>11677</v>
      </c>
      <c r="H28" s="331">
        <v>5670</v>
      </c>
      <c r="I28" s="332">
        <v>1752</v>
      </c>
    </row>
    <row r="29" spans="1:10" s="296" customFormat="1" ht="16.5" customHeight="1">
      <c r="A29" s="297"/>
      <c r="B29" s="333" t="s">
        <v>243</v>
      </c>
      <c r="C29" s="314">
        <v>1094402</v>
      </c>
      <c r="D29" s="334">
        <v>446873</v>
      </c>
      <c r="E29" s="334">
        <v>186841</v>
      </c>
      <c r="F29" s="334">
        <v>75731</v>
      </c>
      <c r="G29" s="334">
        <v>187872</v>
      </c>
      <c r="H29" s="335">
        <v>160780</v>
      </c>
      <c r="I29" s="336">
        <v>36305</v>
      </c>
      <c r="J29" s="306"/>
    </row>
    <row r="30" spans="1:10" s="296" customFormat="1" ht="16.5" customHeight="1">
      <c r="A30" s="297"/>
      <c r="B30" s="313" t="s">
        <v>244</v>
      </c>
      <c r="C30" s="314">
        <v>5712800</v>
      </c>
      <c r="D30" s="334">
        <v>2358120</v>
      </c>
      <c r="E30" s="334">
        <v>1004677</v>
      </c>
      <c r="F30" s="334">
        <v>394693</v>
      </c>
      <c r="G30" s="334">
        <v>972748</v>
      </c>
      <c r="H30" s="334">
        <v>790323</v>
      </c>
      <c r="I30" s="334">
        <v>192239</v>
      </c>
      <c r="J30" s="306"/>
    </row>
    <row r="31" spans="1:10" s="296" customFormat="1" ht="16.5" customHeight="1" thickBot="1">
      <c r="A31" s="337"/>
      <c r="B31" s="338" t="s">
        <v>245</v>
      </c>
      <c r="C31" s="339">
        <v>2311697</v>
      </c>
      <c r="D31" s="340">
        <v>922408</v>
      </c>
      <c r="E31" s="340">
        <v>301508</v>
      </c>
      <c r="F31" s="340">
        <v>223116</v>
      </c>
      <c r="G31" s="340">
        <v>404643</v>
      </c>
      <c r="H31" s="340">
        <v>352028</v>
      </c>
      <c r="I31" s="340">
        <v>107994</v>
      </c>
    </row>
    <row r="32" spans="1:10" s="296" customFormat="1" ht="16.5" customHeight="1" thickTop="1">
      <c r="A32" s="297"/>
      <c r="B32" s="298"/>
      <c r="C32" s="299" t="s">
        <v>212</v>
      </c>
      <c r="D32" s="300" t="s">
        <v>246</v>
      </c>
      <c r="E32" s="299" t="s">
        <v>246</v>
      </c>
      <c r="F32" s="301" t="s">
        <v>246</v>
      </c>
      <c r="G32" s="300" t="s">
        <v>246</v>
      </c>
      <c r="H32" s="300" t="s">
        <v>246</v>
      </c>
      <c r="I32" s="300" t="s">
        <v>246</v>
      </c>
    </row>
    <row r="33" spans="1:9" s="296" customFormat="1" ht="16.5" customHeight="1">
      <c r="A33" s="297"/>
      <c r="B33" s="302" t="s">
        <v>214</v>
      </c>
      <c r="C33" s="303">
        <v>9181625</v>
      </c>
      <c r="D33" s="304">
        <v>3740944</v>
      </c>
      <c r="E33" s="303">
        <v>1517756</v>
      </c>
      <c r="F33" s="305">
        <v>701110</v>
      </c>
      <c r="G33" s="304">
        <v>1573768</v>
      </c>
      <c r="H33" s="304">
        <v>1307446</v>
      </c>
      <c r="I33" s="304">
        <v>340601</v>
      </c>
    </row>
    <row r="34" spans="1:9" s="296" customFormat="1" ht="16.5" customHeight="1">
      <c r="A34" s="297"/>
      <c r="B34" s="307"/>
      <c r="C34" s="308"/>
      <c r="D34" s="341"/>
      <c r="E34" s="342"/>
      <c r="F34" s="341"/>
      <c r="G34" s="342"/>
      <c r="H34" s="341"/>
      <c r="I34" s="343"/>
    </row>
    <row r="35" spans="1:9" s="296" customFormat="1" ht="16.5" customHeight="1">
      <c r="A35" s="312"/>
      <c r="B35" s="313" t="s">
        <v>247</v>
      </c>
      <c r="C35" s="314">
        <v>352310</v>
      </c>
      <c r="D35" s="314">
        <v>144050</v>
      </c>
      <c r="E35" s="314">
        <v>66366</v>
      </c>
      <c r="F35" s="314">
        <v>22452</v>
      </c>
      <c r="G35" s="314">
        <v>59091</v>
      </c>
      <c r="H35" s="314">
        <v>49727</v>
      </c>
      <c r="I35" s="344">
        <v>10624</v>
      </c>
    </row>
    <row r="36" spans="1:9" s="296" customFormat="1" ht="16.5" customHeight="1">
      <c r="A36" s="312"/>
      <c r="B36" s="313" t="s">
        <v>248</v>
      </c>
      <c r="C36" s="314">
        <v>370662</v>
      </c>
      <c r="D36" s="314">
        <v>151712</v>
      </c>
      <c r="E36" s="314">
        <v>61016</v>
      </c>
      <c r="F36" s="314">
        <v>26124</v>
      </c>
      <c r="G36" s="314">
        <v>64157</v>
      </c>
      <c r="H36" s="314">
        <v>55009</v>
      </c>
      <c r="I36" s="344">
        <v>12644</v>
      </c>
    </row>
    <row r="37" spans="1:9" s="296" customFormat="1" ht="16.5" customHeight="1">
      <c r="A37" s="318"/>
      <c r="B37" s="313" t="s">
        <v>249</v>
      </c>
      <c r="C37" s="314">
        <v>383169</v>
      </c>
      <c r="D37" s="314">
        <v>156471</v>
      </c>
      <c r="E37" s="314">
        <v>59206</v>
      </c>
      <c r="F37" s="314">
        <v>28700</v>
      </c>
      <c r="G37" s="314">
        <v>66830</v>
      </c>
      <c r="H37" s="314">
        <v>58130</v>
      </c>
      <c r="I37" s="344">
        <v>13832</v>
      </c>
    </row>
    <row r="38" spans="1:9" s="296" customFormat="1" ht="16.5" customHeight="1">
      <c r="A38" s="318"/>
      <c r="B38" s="313" t="s">
        <v>250</v>
      </c>
      <c r="C38" s="314">
        <v>418266</v>
      </c>
      <c r="D38" s="314">
        <v>171804</v>
      </c>
      <c r="E38" s="314">
        <v>61513</v>
      </c>
      <c r="F38" s="314">
        <v>33935</v>
      </c>
      <c r="G38" s="314">
        <v>73178</v>
      </c>
      <c r="H38" s="314">
        <v>61773</v>
      </c>
      <c r="I38" s="344">
        <v>16063</v>
      </c>
    </row>
    <row r="39" spans="1:9" s="296" customFormat="1" ht="16.5" customHeight="1">
      <c r="A39" s="318" t="s">
        <v>251</v>
      </c>
      <c r="B39" s="319" t="s">
        <v>252</v>
      </c>
      <c r="C39" s="314">
        <v>509240</v>
      </c>
      <c r="D39" s="308">
        <v>207809</v>
      </c>
      <c r="E39" s="308">
        <v>93092</v>
      </c>
      <c r="F39" s="308">
        <v>32040</v>
      </c>
      <c r="G39" s="308">
        <v>90276</v>
      </c>
      <c r="H39" s="308">
        <v>70127</v>
      </c>
      <c r="I39" s="345">
        <v>15896</v>
      </c>
    </row>
    <row r="40" spans="1:9" s="296" customFormat="1" ht="16.5" customHeight="1">
      <c r="A40" s="318" t="s">
        <v>253</v>
      </c>
      <c r="B40" s="313" t="s">
        <v>254</v>
      </c>
      <c r="C40" s="322">
        <v>486089</v>
      </c>
      <c r="D40" s="314">
        <v>197259</v>
      </c>
      <c r="E40" s="314">
        <v>103229</v>
      </c>
      <c r="F40" s="314">
        <v>27391</v>
      </c>
      <c r="G40" s="314">
        <v>83091</v>
      </c>
      <c r="H40" s="314">
        <v>61249</v>
      </c>
      <c r="I40" s="344">
        <v>13870</v>
      </c>
    </row>
    <row r="41" spans="1:9" s="296" customFormat="1" ht="16.5" customHeight="1">
      <c r="A41" s="318">
        <v>31</v>
      </c>
      <c r="B41" s="313" t="s">
        <v>255</v>
      </c>
      <c r="C41" s="314">
        <v>519961</v>
      </c>
      <c r="D41" s="314">
        <v>214076</v>
      </c>
      <c r="E41" s="314">
        <v>106464</v>
      </c>
      <c r="F41" s="314">
        <v>30327</v>
      </c>
      <c r="G41" s="314">
        <v>86654</v>
      </c>
      <c r="H41" s="314">
        <v>67010</v>
      </c>
      <c r="I41" s="344">
        <v>15430</v>
      </c>
    </row>
    <row r="42" spans="1:9" s="296" customFormat="1" ht="16.5" customHeight="1">
      <c r="A42" s="318" t="s">
        <v>224</v>
      </c>
      <c r="B42" s="313" t="s">
        <v>256</v>
      </c>
      <c r="C42" s="314">
        <v>582058</v>
      </c>
      <c r="D42" s="314">
        <v>237414</v>
      </c>
      <c r="E42" s="314">
        <v>111494</v>
      </c>
      <c r="F42" s="314">
        <v>36370</v>
      </c>
      <c r="G42" s="314">
        <v>97828</v>
      </c>
      <c r="H42" s="314">
        <v>80673</v>
      </c>
      <c r="I42" s="344">
        <v>18279</v>
      </c>
    </row>
    <row r="43" spans="1:9" s="296" customFormat="1" ht="16.5" customHeight="1">
      <c r="A43" s="318">
        <v>1</v>
      </c>
      <c r="B43" s="313" t="s">
        <v>257</v>
      </c>
      <c r="C43" s="314">
        <v>691694</v>
      </c>
      <c r="D43" s="314">
        <v>282576</v>
      </c>
      <c r="E43" s="314">
        <v>122196</v>
      </c>
      <c r="F43" s="314">
        <v>47929</v>
      </c>
      <c r="G43" s="314">
        <v>118417</v>
      </c>
      <c r="H43" s="314">
        <v>98079</v>
      </c>
      <c r="I43" s="344">
        <v>22497</v>
      </c>
    </row>
    <row r="44" spans="1:9" s="296" customFormat="1" ht="16.5" customHeight="1">
      <c r="A44" s="318" t="s">
        <v>227</v>
      </c>
      <c r="B44" s="319" t="s">
        <v>258</v>
      </c>
      <c r="C44" s="308">
        <v>781971</v>
      </c>
      <c r="D44" s="314">
        <v>325358</v>
      </c>
      <c r="E44" s="314">
        <v>129188</v>
      </c>
      <c r="F44" s="314">
        <v>57438</v>
      </c>
      <c r="G44" s="314">
        <v>134424</v>
      </c>
      <c r="H44" s="314">
        <v>109323</v>
      </c>
      <c r="I44" s="344">
        <v>26240</v>
      </c>
    </row>
    <row r="45" spans="1:9" s="296" customFormat="1" ht="16.5" customHeight="1">
      <c r="A45" s="318">
        <v>1</v>
      </c>
      <c r="B45" s="313" t="s">
        <v>259</v>
      </c>
      <c r="C45" s="314">
        <v>680919</v>
      </c>
      <c r="D45" s="322">
        <v>287709</v>
      </c>
      <c r="E45" s="322">
        <v>110566</v>
      </c>
      <c r="F45" s="322">
        <v>50116</v>
      </c>
      <c r="G45" s="322">
        <v>114195</v>
      </c>
      <c r="H45" s="322">
        <v>94436</v>
      </c>
      <c r="I45" s="346">
        <v>23897</v>
      </c>
    </row>
    <row r="46" spans="1:9" s="296" customFormat="1" ht="16.5" customHeight="1">
      <c r="A46" s="318" t="s">
        <v>230</v>
      </c>
      <c r="B46" s="313" t="s">
        <v>260</v>
      </c>
      <c r="C46" s="314">
        <v>550216</v>
      </c>
      <c r="D46" s="314">
        <v>231334</v>
      </c>
      <c r="E46" s="314">
        <v>86308</v>
      </c>
      <c r="F46" s="314">
        <v>42742</v>
      </c>
      <c r="G46" s="314">
        <v>91442</v>
      </c>
      <c r="H46" s="314">
        <v>77324</v>
      </c>
      <c r="I46" s="344">
        <v>21066</v>
      </c>
    </row>
    <row r="47" spans="1:9" s="296" customFormat="1" ht="16.5" customHeight="1">
      <c r="A47" s="318" t="s">
        <v>232</v>
      </c>
      <c r="B47" s="313" t="s">
        <v>261</v>
      </c>
      <c r="C47" s="314">
        <v>483840</v>
      </c>
      <c r="D47" s="314">
        <v>197521</v>
      </c>
      <c r="E47" s="314">
        <v>70511</v>
      </c>
      <c r="F47" s="314">
        <v>39807</v>
      </c>
      <c r="G47" s="314">
        <v>83667</v>
      </c>
      <c r="H47" s="314">
        <v>71183</v>
      </c>
      <c r="I47" s="344">
        <v>21151</v>
      </c>
    </row>
    <row r="48" spans="1:9" s="296" customFormat="1" ht="16.5" customHeight="1">
      <c r="A48" s="318" t="s">
        <v>234</v>
      </c>
      <c r="B48" s="313" t="s">
        <v>262</v>
      </c>
      <c r="C48" s="314">
        <v>584410</v>
      </c>
      <c r="D48" s="314">
        <v>231357</v>
      </c>
      <c r="E48" s="314">
        <v>79072</v>
      </c>
      <c r="F48" s="314">
        <v>51277</v>
      </c>
      <c r="G48" s="314">
        <v>105850</v>
      </c>
      <c r="H48" s="314">
        <v>89720</v>
      </c>
      <c r="I48" s="344">
        <v>27134</v>
      </c>
    </row>
    <row r="49" spans="1:9" s="296" customFormat="1" ht="16.5" customHeight="1">
      <c r="A49" s="323"/>
      <c r="B49" s="319" t="s">
        <v>263</v>
      </c>
      <c r="C49" s="314">
        <v>555395</v>
      </c>
      <c r="D49" s="308">
        <v>218628</v>
      </c>
      <c r="E49" s="308">
        <v>71011</v>
      </c>
      <c r="F49" s="308">
        <v>52924</v>
      </c>
      <c r="G49" s="308">
        <v>101400</v>
      </c>
      <c r="H49" s="308">
        <v>85891</v>
      </c>
      <c r="I49" s="345">
        <v>25541</v>
      </c>
    </row>
    <row r="50" spans="1:9" s="296" customFormat="1" ht="16.5" customHeight="1">
      <c r="A50" s="297"/>
      <c r="B50" s="313" t="s">
        <v>264</v>
      </c>
      <c r="C50" s="322">
        <v>482467</v>
      </c>
      <c r="D50" s="314">
        <v>190589</v>
      </c>
      <c r="E50" s="314">
        <v>60083</v>
      </c>
      <c r="F50" s="314">
        <v>47574</v>
      </c>
      <c r="G50" s="314">
        <v>88627</v>
      </c>
      <c r="H50" s="314">
        <v>73336</v>
      </c>
      <c r="I50" s="344">
        <v>22258</v>
      </c>
    </row>
    <row r="51" spans="1:9" s="296" customFormat="1" ht="16.5" customHeight="1">
      <c r="A51" s="297"/>
      <c r="B51" s="313" t="s">
        <v>265</v>
      </c>
      <c r="C51" s="314">
        <v>339209</v>
      </c>
      <c r="D51" s="314">
        <v>138640</v>
      </c>
      <c r="E51" s="314">
        <v>43768</v>
      </c>
      <c r="F51" s="314">
        <v>34888</v>
      </c>
      <c r="G51" s="314">
        <v>55479</v>
      </c>
      <c r="H51" s="314">
        <v>50441</v>
      </c>
      <c r="I51" s="344">
        <v>15993</v>
      </c>
    </row>
    <row r="52" spans="1:9" s="296" customFormat="1" ht="16.5" customHeight="1">
      <c r="A52" s="297"/>
      <c r="B52" s="313" t="s">
        <v>266</v>
      </c>
      <c r="C52" s="314">
        <v>205132</v>
      </c>
      <c r="D52" s="314">
        <v>85057</v>
      </c>
      <c r="E52" s="314">
        <v>27658</v>
      </c>
      <c r="F52" s="314">
        <v>22464</v>
      </c>
      <c r="G52" s="314">
        <v>30112</v>
      </c>
      <c r="H52" s="314">
        <v>29791</v>
      </c>
      <c r="I52" s="344">
        <v>10050</v>
      </c>
    </row>
    <row r="53" spans="1:9" s="296" customFormat="1" ht="16.5" customHeight="1">
      <c r="A53" s="297"/>
      <c r="B53" s="313" t="s">
        <v>267</v>
      </c>
      <c r="C53" s="314">
        <v>92690</v>
      </c>
      <c r="D53" s="314">
        <v>37905</v>
      </c>
      <c r="E53" s="314">
        <v>12388</v>
      </c>
      <c r="F53" s="314">
        <v>10489</v>
      </c>
      <c r="G53" s="314">
        <v>13086</v>
      </c>
      <c r="H53" s="314">
        <v>13975</v>
      </c>
      <c r="I53" s="344">
        <v>4847</v>
      </c>
    </row>
    <row r="54" spans="1:9" s="296" customFormat="1" ht="16.5" customHeight="1">
      <c r="A54" s="297"/>
      <c r="B54" s="319" t="s">
        <v>268</v>
      </c>
      <c r="C54" s="308">
        <v>24584</v>
      </c>
      <c r="D54" s="314">
        <v>9602</v>
      </c>
      <c r="E54" s="314">
        <v>3381</v>
      </c>
      <c r="F54" s="314">
        <v>2874</v>
      </c>
      <c r="G54" s="314">
        <v>3563</v>
      </c>
      <c r="H54" s="314">
        <v>3868</v>
      </c>
      <c r="I54" s="344">
        <v>1296</v>
      </c>
    </row>
    <row r="55" spans="1:9" s="296" customFormat="1" ht="16.5" customHeight="1">
      <c r="A55" s="297"/>
      <c r="B55" s="324" t="s">
        <v>269</v>
      </c>
      <c r="C55" s="314">
        <v>4417</v>
      </c>
      <c r="D55" s="347">
        <v>1545</v>
      </c>
      <c r="E55" s="347">
        <v>626</v>
      </c>
      <c r="F55" s="347">
        <v>570</v>
      </c>
      <c r="G55" s="347">
        <v>724</v>
      </c>
      <c r="H55" s="347">
        <v>711</v>
      </c>
      <c r="I55" s="348">
        <v>241</v>
      </c>
    </row>
    <row r="56" spans="1:9" s="296" customFormat="1" ht="16.5" customHeight="1">
      <c r="A56" s="297"/>
      <c r="B56" s="326" t="s">
        <v>128</v>
      </c>
      <c r="C56" s="327">
        <v>82926</v>
      </c>
      <c r="D56" s="349">
        <v>22528</v>
      </c>
      <c r="E56" s="349">
        <v>38620</v>
      </c>
      <c r="F56" s="349">
        <v>2679</v>
      </c>
      <c r="G56" s="349">
        <v>11677</v>
      </c>
      <c r="H56" s="349">
        <v>5670</v>
      </c>
      <c r="I56" s="350">
        <v>1752</v>
      </c>
    </row>
    <row r="57" spans="1:9" s="296" customFormat="1" ht="16.5" customHeight="1">
      <c r="A57" s="297"/>
      <c r="B57" s="333" t="s">
        <v>270</v>
      </c>
      <c r="C57" s="314">
        <v>1106141</v>
      </c>
      <c r="D57" s="314">
        <v>452233</v>
      </c>
      <c r="E57" s="314">
        <v>186588</v>
      </c>
      <c r="F57" s="314">
        <v>77276</v>
      </c>
      <c r="G57" s="314">
        <v>190078</v>
      </c>
      <c r="H57" s="314">
        <v>162866</v>
      </c>
      <c r="I57" s="344">
        <v>37100</v>
      </c>
    </row>
    <row r="58" spans="1:9" s="296" customFormat="1" ht="16.5" customHeight="1">
      <c r="A58" s="297"/>
      <c r="B58" s="313" t="s">
        <v>271</v>
      </c>
      <c r="C58" s="314">
        <v>5704254</v>
      </c>
      <c r="D58" s="314">
        <v>2352860</v>
      </c>
      <c r="E58" s="314">
        <v>994561</v>
      </c>
      <c r="F58" s="314">
        <v>398095</v>
      </c>
      <c r="G58" s="314">
        <v>973172</v>
      </c>
      <c r="H58" s="314">
        <v>791177</v>
      </c>
      <c r="I58" s="344">
        <v>194389</v>
      </c>
    </row>
    <row r="59" spans="1:9" s="296" customFormat="1" ht="16.5" customHeight="1" thickBot="1">
      <c r="A59" s="337"/>
      <c r="B59" s="338" t="s">
        <v>272</v>
      </c>
      <c r="C59" s="339">
        <v>2288304</v>
      </c>
      <c r="D59" s="339">
        <v>913323</v>
      </c>
      <c r="E59" s="339">
        <v>297987</v>
      </c>
      <c r="F59" s="339">
        <v>223060</v>
      </c>
      <c r="G59" s="339">
        <v>398841</v>
      </c>
      <c r="H59" s="339">
        <v>347733</v>
      </c>
      <c r="I59" s="351">
        <v>107360</v>
      </c>
    </row>
    <row r="60" spans="1:9" ht="15" thickTop="1">
      <c r="A60" s="296"/>
      <c r="B60" s="296"/>
      <c r="C60" s="296"/>
    </row>
    <row r="61" spans="1:9" ht="14.25">
      <c r="B61" s="296"/>
      <c r="C61" s="296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98425196850393704" right="0.78740157480314965" top="0.78740157480314965" bottom="0.9055118110236221" header="0.51181102362204722" footer="0.19685039370078741"/>
  <pageSetup paperSize="9" scale="68" firstPageNumber="11" orientation="portrait" blackAndWhite="1" r:id="rId1"/>
  <headerFooter alignWithMargins="0">
    <oddFooter>&amp;C&amp;"ＭＳ ゴシック,太字"&amp;15-13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4"/>
  <sheetViews>
    <sheetView zoomScaleNormal="100" workbookViewId="0"/>
  </sheetViews>
  <sheetFormatPr defaultRowHeight="13.5"/>
  <cols>
    <col min="1" max="1" width="5.75" style="165" customWidth="1"/>
    <col min="2" max="2" width="12.375" style="165" customWidth="1"/>
    <col min="3" max="9" width="15.625" style="165" customWidth="1"/>
    <col min="10" max="16384" width="9" style="165"/>
  </cols>
  <sheetData>
    <row r="1" spans="1:9" ht="21" customHeight="1" thickBot="1">
      <c r="A1" s="352" t="s">
        <v>273</v>
      </c>
      <c r="B1" s="353"/>
      <c r="C1" s="295"/>
    </row>
    <row r="2" spans="1:9" s="296" customFormat="1" ht="17.25" customHeight="1" thickTop="1">
      <c r="A2" s="1267" t="s">
        <v>274</v>
      </c>
      <c r="B2" s="1268"/>
      <c r="C2" s="1271" t="s">
        <v>205</v>
      </c>
      <c r="D2" s="1256" t="s">
        <v>206</v>
      </c>
      <c r="E2" s="1256" t="s">
        <v>207</v>
      </c>
      <c r="F2" s="1256" t="s">
        <v>208</v>
      </c>
      <c r="G2" s="1256" t="s">
        <v>209</v>
      </c>
      <c r="H2" s="1256" t="s">
        <v>275</v>
      </c>
      <c r="I2" s="1257" t="s">
        <v>211</v>
      </c>
    </row>
    <row r="3" spans="1:9" s="296" customFormat="1" ht="17.25" customHeight="1">
      <c r="A3" s="1269"/>
      <c r="B3" s="1270"/>
      <c r="C3" s="1272"/>
      <c r="D3" s="1265"/>
      <c r="E3" s="1265"/>
      <c r="F3" s="1265"/>
      <c r="G3" s="1265"/>
      <c r="H3" s="1265"/>
      <c r="I3" s="1266"/>
    </row>
    <row r="4" spans="1:9" s="296" customFormat="1" ht="13.5" customHeight="1">
      <c r="A4" s="297"/>
      <c r="B4" s="298"/>
      <c r="C4" s="299" t="s">
        <v>212</v>
      </c>
      <c r="D4" s="299" t="s">
        <v>212</v>
      </c>
      <c r="E4" s="299" t="s">
        <v>212</v>
      </c>
      <c r="F4" s="300" t="s">
        <v>212</v>
      </c>
      <c r="G4" s="300" t="s">
        <v>212</v>
      </c>
      <c r="H4" s="300" t="s">
        <v>212</v>
      </c>
      <c r="I4" s="300" t="s">
        <v>212</v>
      </c>
    </row>
    <row r="5" spans="1:9" s="296" customFormat="1" ht="13.5" customHeight="1">
      <c r="A5" s="318"/>
      <c r="B5" s="302" t="s">
        <v>214</v>
      </c>
      <c r="C5" s="303">
        <v>9201825</v>
      </c>
      <c r="D5" s="304">
        <v>3749929</v>
      </c>
      <c r="E5" s="304">
        <v>1531646</v>
      </c>
      <c r="F5" s="304">
        <v>696219</v>
      </c>
      <c r="G5" s="304">
        <v>1576940</v>
      </c>
      <c r="H5" s="304">
        <v>1308801</v>
      </c>
      <c r="I5" s="304">
        <v>338290</v>
      </c>
    </row>
    <row r="6" spans="1:9" s="296" customFormat="1" ht="13.5" customHeight="1">
      <c r="A6" s="318"/>
      <c r="B6" s="307"/>
      <c r="C6" s="308"/>
      <c r="D6" s="309"/>
      <c r="E6" s="309"/>
      <c r="F6" s="309"/>
      <c r="G6" s="310"/>
      <c r="H6" s="311"/>
      <c r="I6" s="309"/>
    </row>
    <row r="7" spans="1:9" s="296" customFormat="1" ht="15" customHeight="1">
      <c r="A7" s="318" t="s">
        <v>276</v>
      </c>
      <c r="B7" s="313" t="s">
        <v>277</v>
      </c>
      <c r="C7" s="314">
        <v>712810</v>
      </c>
      <c r="D7" s="315">
        <v>291047</v>
      </c>
      <c r="E7" s="315">
        <v>127311</v>
      </c>
      <c r="F7" s="315">
        <v>47589</v>
      </c>
      <c r="G7" s="315">
        <v>121111</v>
      </c>
      <c r="H7" s="315">
        <v>103047</v>
      </c>
      <c r="I7" s="316">
        <v>22705</v>
      </c>
    </row>
    <row r="8" spans="1:9" s="296" customFormat="1" ht="15" customHeight="1">
      <c r="A8" s="318" t="s">
        <v>278</v>
      </c>
      <c r="B8" s="313" t="s">
        <v>279</v>
      </c>
      <c r="C8" s="314">
        <v>795897</v>
      </c>
      <c r="D8" s="317">
        <v>325713</v>
      </c>
      <c r="E8" s="317">
        <v>121093</v>
      </c>
      <c r="F8" s="317">
        <v>61823</v>
      </c>
      <c r="G8" s="317">
        <v>138557</v>
      </c>
      <c r="H8" s="317">
        <v>119534</v>
      </c>
      <c r="I8" s="316">
        <v>29177</v>
      </c>
    </row>
    <row r="9" spans="1:9" s="296" customFormat="1" ht="15" customHeight="1">
      <c r="A9" s="318">
        <v>2</v>
      </c>
      <c r="B9" s="313" t="s">
        <v>280</v>
      </c>
      <c r="C9" s="314">
        <v>1012286</v>
      </c>
      <c r="D9" s="317">
        <v>414545</v>
      </c>
      <c r="E9" s="317">
        <v>201671</v>
      </c>
      <c r="F9" s="317">
        <v>58856</v>
      </c>
      <c r="G9" s="317">
        <v>175950</v>
      </c>
      <c r="H9" s="317">
        <v>131684</v>
      </c>
      <c r="I9" s="316">
        <v>29580</v>
      </c>
    </row>
    <row r="10" spans="1:9" s="296" customFormat="1" ht="15" customHeight="1">
      <c r="A10" s="318" t="s">
        <v>224</v>
      </c>
      <c r="B10" s="313" t="s">
        <v>281</v>
      </c>
      <c r="C10" s="314">
        <v>1076714</v>
      </c>
      <c r="D10" s="317">
        <v>441120</v>
      </c>
      <c r="E10" s="317">
        <v>215302</v>
      </c>
      <c r="F10" s="317">
        <v>64404</v>
      </c>
      <c r="G10" s="317">
        <v>180134</v>
      </c>
      <c r="H10" s="317">
        <v>143183</v>
      </c>
      <c r="I10" s="316">
        <v>32571</v>
      </c>
    </row>
    <row r="11" spans="1:9" s="296" customFormat="1" ht="15" customHeight="1">
      <c r="A11" s="318">
        <v>1</v>
      </c>
      <c r="B11" s="319" t="s">
        <v>282</v>
      </c>
      <c r="C11" s="308">
        <v>1446403</v>
      </c>
      <c r="D11" s="320">
        <v>594227</v>
      </c>
      <c r="E11" s="320">
        <v>249055</v>
      </c>
      <c r="F11" s="320">
        <v>102549</v>
      </c>
      <c r="G11" s="320">
        <v>248437</v>
      </c>
      <c r="H11" s="320">
        <v>204638</v>
      </c>
      <c r="I11" s="321">
        <v>47497</v>
      </c>
    </row>
    <row r="12" spans="1:9" s="296" customFormat="1" ht="15" customHeight="1">
      <c r="A12" s="318" t="s">
        <v>227</v>
      </c>
      <c r="B12" s="313" t="s">
        <v>283</v>
      </c>
      <c r="C12" s="314">
        <v>1277590</v>
      </c>
      <c r="D12" s="317">
        <v>538985</v>
      </c>
      <c r="E12" s="317">
        <v>205390</v>
      </c>
      <c r="F12" s="317">
        <v>95643</v>
      </c>
      <c r="G12" s="317">
        <v>213472</v>
      </c>
      <c r="H12" s="317">
        <v>178048</v>
      </c>
      <c r="I12" s="316">
        <v>46052</v>
      </c>
    </row>
    <row r="13" spans="1:9" s="296" customFormat="1" ht="15" customHeight="1">
      <c r="A13" s="318">
        <v>1</v>
      </c>
      <c r="B13" s="313" t="s">
        <v>284</v>
      </c>
      <c r="C13" s="314">
        <v>1022297</v>
      </c>
      <c r="D13" s="317">
        <v>412409</v>
      </c>
      <c r="E13" s="317">
        <v>145193</v>
      </c>
      <c r="F13" s="317">
        <v>86019</v>
      </c>
      <c r="G13" s="317">
        <v>179882</v>
      </c>
      <c r="H13" s="317">
        <v>153006</v>
      </c>
      <c r="I13" s="316">
        <v>45788</v>
      </c>
    </row>
    <row r="14" spans="1:9" s="296" customFormat="1" ht="15" customHeight="1">
      <c r="A14" s="318" t="s">
        <v>230</v>
      </c>
      <c r="B14" s="313" t="s">
        <v>285</v>
      </c>
      <c r="C14" s="314">
        <v>1082155</v>
      </c>
      <c r="D14" s="317">
        <v>425928</v>
      </c>
      <c r="E14" s="317">
        <v>137220</v>
      </c>
      <c r="F14" s="317">
        <v>103580</v>
      </c>
      <c r="G14" s="317">
        <v>198459</v>
      </c>
      <c r="H14" s="317">
        <v>167127</v>
      </c>
      <c r="I14" s="316">
        <v>49841</v>
      </c>
    </row>
    <row r="15" spans="1:9" s="296" customFormat="1" ht="15" customHeight="1">
      <c r="A15" s="318" t="s">
        <v>232</v>
      </c>
      <c r="B15" s="313" t="s">
        <v>286</v>
      </c>
      <c r="C15" s="314">
        <v>562796</v>
      </c>
      <c r="D15" s="317">
        <v>230844</v>
      </c>
      <c r="E15" s="317">
        <v>73282</v>
      </c>
      <c r="F15" s="317">
        <v>58417</v>
      </c>
      <c r="G15" s="317">
        <v>90491</v>
      </c>
      <c r="H15" s="317">
        <v>83167</v>
      </c>
      <c r="I15" s="316">
        <v>26595</v>
      </c>
    </row>
    <row r="16" spans="1:9" s="296" customFormat="1" ht="15" customHeight="1">
      <c r="A16" s="318" t="s">
        <v>234</v>
      </c>
      <c r="B16" s="313" t="s">
        <v>287</v>
      </c>
      <c r="C16" s="308">
        <v>125174</v>
      </c>
      <c r="D16" s="320">
        <v>50944</v>
      </c>
      <c r="E16" s="320">
        <v>16858</v>
      </c>
      <c r="F16" s="320">
        <v>14030</v>
      </c>
      <c r="G16" s="320">
        <v>17942</v>
      </c>
      <c r="H16" s="320">
        <v>18925</v>
      </c>
      <c r="I16" s="321">
        <v>6475</v>
      </c>
    </row>
    <row r="17" spans="1:10" s="296" customFormat="1" ht="15" customHeight="1">
      <c r="A17" s="318"/>
      <c r="B17" s="354" t="s">
        <v>288</v>
      </c>
      <c r="C17" s="308">
        <v>4777</v>
      </c>
      <c r="D17" s="325">
        <v>1639</v>
      </c>
      <c r="E17" s="325">
        <v>651</v>
      </c>
      <c r="F17" s="325">
        <v>630</v>
      </c>
      <c r="G17" s="325">
        <v>828</v>
      </c>
      <c r="H17" s="325">
        <v>772</v>
      </c>
      <c r="I17" s="355">
        <v>257</v>
      </c>
    </row>
    <row r="18" spans="1:10" s="296" customFormat="1" ht="15" customHeight="1" thickBot="1">
      <c r="A18" s="318"/>
      <c r="B18" s="302" t="s">
        <v>128</v>
      </c>
      <c r="C18" s="314">
        <v>82926</v>
      </c>
      <c r="D18" s="356">
        <v>22528</v>
      </c>
      <c r="E18" s="356">
        <v>38620</v>
      </c>
      <c r="F18" s="356">
        <v>2679</v>
      </c>
      <c r="G18" s="356">
        <v>11677</v>
      </c>
      <c r="H18" s="356">
        <v>5670</v>
      </c>
      <c r="I18" s="340">
        <v>1752</v>
      </c>
    </row>
    <row r="19" spans="1:10" ht="13.5" customHeight="1" thickTop="1">
      <c r="A19" s="357"/>
      <c r="B19" s="358"/>
      <c r="C19" s="359" t="s">
        <v>212</v>
      </c>
      <c r="D19" s="359" t="s">
        <v>212</v>
      </c>
      <c r="E19" s="359" t="s">
        <v>212</v>
      </c>
      <c r="F19" s="359" t="s">
        <v>212</v>
      </c>
      <c r="G19" s="359" t="s">
        <v>212</v>
      </c>
      <c r="H19" s="359" t="s">
        <v>212</v>
      </c>
      <c r="I19" s="360" t="s">
        <v>212</v>
      </c>
      <c r="J19" s="211"/>
    </row>
    <row r="20" spans="1:10" ht="13.5" customHeight="1">
      <c r="A20" s="318"/>
      <c r="B20" s="361" t="s">
        <v>214</v>
      </c>
      <c r="C20" s="362">
        <v>9181625</v>
      </c>
      <c r="D20" s="362">
        <v>3740944</v>
      </c>
      <c r="E20" s="362">
        <v>1517756</v>
      </c>
      <c r="F20" s="362">
        <v>701110</v>
      </c>
      <c r="G20" s="362">
        <v>1573768</v>
      </c>
      <c r="H20" s="362">
        <v>1307446</v>
      </c>
      <c r="I20" s="363">
        <v>340601</v>
      </c>
      <c r="J20" s="211"/>
    </row>
    <row r="21" spans="1:10" ht="15" customHeight="1">
      <c r="A21" s="318"/>
      <c r="B21" s="364"/>
      <c r="C21" s="308"/>
      <c r="D21" s="310"/>
      <c r="E21" s="309"/>
      <c r="F21" s="310"/>
      <c r="G21" s="310"/>
      <c r="H21" s="310"/>
      <c r="I21" s="309"/>
    </row>
    <row r="22" spans="1:10" ht="15" customHeight="1">
      <c r="A22" s="318" t="s">
        <v>251</v>
      </c>
      <c r="B22" s="313" t="s">
        <v>289</v>
      </c>
      <c r="C22" s="314">
        <v>722972</v>
      </c>
      <c r="D22" s="365">
        <v>295762</v>
      </c>
      <c r="E22" s="365">
        <v>127382</v>
      </c>
      <c r="F22" s="315">
        <v>48576</v>
      </c>
      <c r="G22" s="315">
        <v>123248</v>
      </c>
      <c r="H22" s="315">
        <v>104736</v>
      </c>
      <c r="I22" s="331">
        <v>23268</v>
      </c>
    </row>
    <row r="23" spans="1:10" ht="15" customHeight="1">
      <c r="A23" s="318" t="s">
        <v>253</v>
      </c>
      <c r="B23" s="313" t="s">
        <v>290</v>
      </c>
      <c r="C23" s="314">
        <v>801435</v>
      </c>
      <c r="D23" s="366">
        <v>328275</v>
      </c>
      <c r="E23" s="366">
        <v>120719</v>
      </c>
      <c r="F23" s="316">
        <v>62635</v>
      </c>
      <c r="G23" s="317">
        <v>140008</v>
      </c>
      <c r="H23" s="316">
        <v>119903</v>
      </c>
      <c r="I23" s="334">
        <v>29895</v>
      </c>
    </row>
    <row r="24" spans="1:10" ht="15" customHeight="1">
      <c r="A24" s="318">
        <v>31</v>
      </c>
      <c r="B24" s="313" t="s">
        <v>291</v>
      </c>
      <c r="C24" s="314">
        <v>995329</v>
      </c>
      <c r="D24" s="366">
        <v>405068</v>
      </c>
      <c r="E24" s="366">
        <v>196321</v>
      </c>
      <c r="F24" s="316">
        <v>59431</v>
      </c>
      <c r="G24" s="317">
        <v>173367</v>
      </c>
      <c r="H24" s="316">
        <v>131376</v>
      </c>
      <c r="I24" s="334">
        <v>29766</v>
      </c>
    </row>
    <row r="25" spans="1:10" ht="15" customHeight="1">
      <c r="A25" s="318" t="s">
        <v>224</v>
      </c>
      <c r="B25" s="313" t="s">
        <v>292</v>
      </c>
      <c r="C25" s="314">
        <v>1102019</v>
      </c>
      <c r="D25" s="366">
        <v>451490</v>
      </c>
      <c r="E25" s="366">
        <v>217958</v>
      </c>
      <c r="F25" s="316">
        <v>66697</v>
      </c>
      <c r="G25" s="317">
        <v>184482</v>
      </c>
      <c r="H25" s="316">
        <v>147683</v>
      </c>
      <c r="I25" s="334">
        <v>33709</v>
      </c>
    </row>
    <row r="26" spans="1:10" ht="15" customHeight="1">
      <c r="A26" s="318">
        <v>1</v>
      </c>
      <c r="B26" s="319" t="s">
        <v>293</v>
      </c>
      <c r="C26" s="308">
        <v>1473665</v>
      </c>
      <c r="D26" s="366">
        <v>607934</v>
      </c>
      <c r="E26" s="366">
        <v>251384</v>
      </c>
      <c r="F26" s="316">
        <v>105367</v>
      </c>
      <c r="G26" s="317">
        <v>252841</v>
      </c>
      <c r="H26" s="316">
        <v>207402</v>
      </c>
      <c r="I26" s="334">
        <v>48737</v>
      </c>
    </row>
    <row r="27" spans="1:10" ht="15" customHeight="1">
      <c r="A27" s="318" t="s">
        <v>227</v>
      </c>
      <c r="B27" s="313" t="s">
        <v>294</v>
      </c>
      <c r="C27" s="314">
        <v>1231135</v>
      </c>
      <c r="D27" s="365">
        <v>519043</v>
      </c>
      <c r="E27" s="365">
        <v>196874</v>
      </c>
      <c r="F27" s="331">
        <v>92858</v>
      </c>
      <c r="G27" s="315">
        <v>205637</v>
      </c>
      <c r="H27" s="367">
        <v>171760</v>
      </c>
      <c r="I27" s="331">
        <v>44963</v>
      </c>
    </row>
    <row r="28" spans="1:10" ht="15" customHeight="1">
      <c r="A28" s="318">
        <v>1</v>
      </c>
      <c r="B28" s="313" t="s">
        <v>295</v>
      </c>
      <c r="C28" s="314">
        <v>1068250</v>
      </c>
      <c r="D28" s="366">
        <v>428878</v>
      </c>
      <c r="E28" s="366">
        <v>149583</v>
      </c>
      <c r="F28" s="334">
        <v>91084</v>
      </c>
      <c r="G28" s="317">
        <v>189517</v>
      </c>
      <c r="H28" s="316">
        <v>160903</v>
      </c>
      <c r="I28" s="334">
        <v>48285</v>
      </c>
    </row>
    <row r="29" spans="1:10" ht="15" customHeight="1">
      <c r="A29" s="318" t="s">
        <v>230</v>
      </c>
      <c r="B29" s="313" t="s">
        <v>296</v>
      </c>
      <c r="C29" s="314">
        <v>1037862</v>
      </c>
      <c r="D29" s="366">
        <v>409217</v>
      </c>
      <c r="E29" s="368">
        <v>131094</v>
      </c>
      <c r="F29" s="334">
        <v>100498</v>
      </c>
      <c r="G29" s="317">
        <v>190027</v>
      </c>
      <c r="H29" s="316">
        <v>159227</v>
      </c>
      <c r="I29" s="334">
        <v>47799</v>
      </c>
    </row>
    <row r="30" spans="1:10" ht="15" customHeight="1">
      <c r="A30" s="318" t="s">
        <v>232</v>
      </c>
      <c r="B30" s="313" t="s">
        <v>297</v>
      </c>
      <c r="C30" s="314">
        <v>544341</v>
      </c>
      <c r="D30" s="366">
        <v>223697</v>
      </c>
      <c r="E30" s="366">
        <v>71426</v>
      </c>
      <c r="F30" s="334">
        <v>57352</v>
      </c>
      <c r="G30" s="317">
        <v>85591</v>
      </c>
      <c r="H30" s="316">
        <v>80232</v>
      </c>
      <c r="I30" s="334">
        <v>26043</v>
      </c>
    </row>
    <row r="31" spans="1:10" ht="15" customHeight="1">
      <c r="A31" s="318" t="s">
        <v>234</v>
      </c>
      <c r="B31" s="313" t="s">
        <v>298</v>
      </c>
      <c r="C31" s="314">
        <v>117274</v>
      </c>
      <c r="D31" s="366">
        <v>47507</v>
      </c>
      <c r="E31" s="366">
        <v>15769</v>
      </c>
      <c r="F31" s="334">
        <v>13363</v>
      </c>
      <c r="G31" s="317">
        <v>16649</v>
      </c>
      <c r="H31" s="316">
        <v>17843</v>
      </c>
      <c r="I31" s="334">
        <v>6143</v>
      </c>
    </row>
    <row r="32" spans="1:10" ht="15" customHeight="1">
      <c r="A32" s="318"/>
      <c r="B32" s="369" t="s">
        <v>269</v>
      </c>
      <c r="C32" s="347">
        <v>4417</v>
      </c>
      <c r="D32" s="370">
        <v>1545</v>
      </c>
      <c r="E32" s="370">
        <v>626</v>
      </c>
      <c r="F32" s="371">
        <v>570</v>
      </c>
      <c r="G32" s="325">
        <v>724</v>
      </c>
      <c r="H32" s="371">
        <v>711</v>
      </c>
      <c r="I32" s="355">
        <v>241</v>
      </c>
    </row>
    <row r="33" spans="1:9" ht="15.75" thickBot="1">
      <c r="A33" s="372"/>
      <c r="B33" s="373" t="s">
        <v>128</v>
      </c>
      <c r="C33" s="339">
        <v>82926</v>
      </c>
      <c r="D33" s="374">
        <v>22528</v>
      </c>
      <c r="E33" s="374">
        <v>38620</v>
      </c>
      <c r="F33" s="375">
        <v>2679</v>
      </c>
      <c r="G33" s="356">
        <v>11677</v>
      </c>
      <c r="H33" s="375">
        <v>5670</v>
      </c>
      <c r="I33" s="340">
        <v>1752</v>
      </c>
    </row>
    <row r="34" spans="1:9" ht="14.25" thickTop="1">
      <c r="C34" s="376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78740157480314965" right="0.98425196850393704" top="0.78740157480314965" bottom="0.9055118110236221" header="0.51181102362204722" footer="0.19685039370078741"/>
  <pageSetup paperSize="9" scale="66" firstPageNumber="12" orientation="portrait" blackAndWhite="1" r:id="rId1"/>
  <headerFooter scaleWithDoc="0" alignWithMargins="0">
    <oddFooter>&amp;C&amp;"ＭＳ ゴシック,太字"&amp;10-14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1"/>
  <sheetViews>
    <sheetView zoomScaleNormal="100" workbookViewId="0"/>
  </sheetViews>
  <sheetFormatPr defaultRowHeight="13.5"/>
  <cols>
    <col min="1" max="1" width="6.625" customWidth="1"/>
    <col min="2" max="2" width="13.625" customWidth="1"/>
    <col min="5" max="5" width="3.25" customWidth="1"/>
    <col min="6" max="6" width="6.625" customWidth="1"/>
    <col min="7" max="7" width="13.625" customWidth="1"/>
  </cols>
  <sheetData>
    <row r="1" spans="1:10" ht="15" customHeight="1">
      <c r="A1" s="377" t="s">
        <v>299</v>
      </c>
    </row>
    <row r="2" spans="1:10" ht="15" customHeight="1">
      <c r="G2" t="s">
        <v>300</v>
      </c>
    </row>
    <row r="3" spans="1:10" ht="15" customHeight="1">
      <c r="A3" s="378" t="s">
        <v>301</v>
      </c>
    </row>
    <row r="4" spans="1:10" ht="15" customHeight="1" thickBot="1">
      <c r="A4" t="s">
        <v>302</v>
      </c>
      <c r="F4" t="s">
        <v>303</v>
      </c>
    </row>
    <row r="5" spans="1:10" ht="15" customHeight="1" thickTop="1">
      <c r="A5" s="379" t="s">
        <v>304</v>
      </c>
      <c r="B5" s="380" t="s">
        <v>305</v>
      </c>
      <c r="C5" s="380" t="s">
        <v>306</v>
      </c>
      <c r="D5" s="381" t="s">
        <v>307</v>
      </c>
      <c r="F5" s="379" t="s">
        <v>304</v>
      </c>
      <c r="G5" s="380" t="s">
        <v>305</v>
      </c>
      <c r="H5" s="380" t="s">
        <v>306</v>
      </c>
      <c r="I5" s="381" t="s">
        <v>307</v>
      </c>
    </row>
    <row r="6" spans="1:10" ht="15" customHeight="1">
      <c r="A6" s="382">
        <v>1</v>
      </c>
      <c r="B6" s="383" t="s">
        <v>308</v>
      </c>
      <c r="C6" s="384">
        <v>15.26631073598346</v>
      </c>
      <c r="D6" s="385">
        <v>1</v>
      </c>
      <c r="F6" s="382">
        <v>1</v>
      </c>
      <c r="G6" s="383" t="s">
        <v>309</v>
      </c>
      <c r="H6" s="384">
        <v>6.296091445427729</v>
      </c>
      <c r="I6" s="385">
        <v>1</v>
      </c>
    </row>
    <row r="7" spans="1:10" ht="15" customHeight="1">
      <c r="A7" s="382">
        <v>2</v>
      </c>
      <c r="B7" s="386" t="s">
        <v>310</v>
      </c>
      <c r="C7" s="384">
        <v>14.937115629674775</v>
      </c>
      <c r="D7" s="385">
        <v>2</v>
      </c>
      <c r="F7" s="382">
        <v>2</v>
      </c>
      <c r="G7" s="383" t="s">
        <v>311</v>
      </c>
      <c r="H7" s="384">
        <v>6.9137981759340983</v>
      </c>
      <c r="I7" s="385">
        <v>2</v>
      </c>
    </row>
    <row r="8" spans="1:10" ht="15" customHeight="1">
      <c r="A8" s="382">
        <v>3</v>
      </c>
      <c r="B8" s="387" t="s">
        <v>312</v>
      </c>
      <c r="C8" s="384">
        <v>13.78520701940319</v>
      </c>
      <c r="D8" s="385">
        <v>3</v>
      </c>
      <c r="F8" s="382">
        <v>3</v>
      </c>
      <c r="G8" s="383" t="s">
        <v>313</v>
      </c>
      <c r="H8" s="384">
        <v>7.7438223201797145</v>
      </c>
      <c r="I8" s="385">
        <v>3</v>
      </c>
      <c r="J8" s="388"/>
    </row>
    <row r="9" spans="1:10" ht="15" customHeight="1">
      <c r="A9" s="382">
        <v>4</v>
      </c>
      <c r="B9" s="383" t="s">
        <v>314</v>
      </c>
      <c r="C9" s="384">
        <v>13.354646385278398</v>
      </c>
      <c r="D9" s="385">
        <v>5</v>
      </c>
      <c r="F9" s="382">
        <v>4</v>
      </c>
      <c r="G9" s="383" t="s">
        <v>315</v>
      </c>
      <c r="H9" s="384">
        <v>8.4661590124391051</v>
      </c>
      <c r="I9" s="385">
        <v>4</v>
      </c>
      <c r="J9" s="388"/>
    </row>
    <row r="10" spans="1:10" ht="15" customHeight="1" thickBot="1">
      <c r="A10" s="389">
        <v>5</v>
      </c>
      <c r="B10" s="390" t="s">
        <v>316</v>
      </c>
      <c r="C10" s="391">
        <v>13.197830689089221</v>
      </c>
      <c r="D10" s="392">
        <v>4</v>
      </c>
      <c r="F10" s="382">
        <v>5</v>
      </c>
      <c r="G10" s="383" t="s">
        <v>317</v>
      </c>
      <c r="H10" s="384">
        <v>8.6748988274359249</v>
      </c>
      <c r="I10" s="385">
        <v>5</v>
      </c>
      <c r="J10" s="388"/>
    </row>
    <row r="11" spans="1:10" ht="15" customHeight="1" thickTop="1">
      <c r="F11" s="393"/>
      <c r="G11" s="393"/>
      <c r="H11" s="394"/>
      <c r="I11" s="395"/>
      <c r="J11" s="396"/>
    </row>
    <row r="12" spans="1:10" ht="15" customHeight="1">
      <c r="F12" s="388"/>
      <c r="G12" s="388"/>
      <c r="H12" s="397"/>
      <c r="I12" s="388"/>
    </row>
    <row r="13" spans="1:10" s="378" customFormat="1" ht="15" customHeight="1">
      <c r="A13" s="378" t="s">
        <v>318</v>
      </c>
    </row>
    <row r="14" spans="1:10" ht="15" customHeight="1" thickBot="1">
      <c r="A14" t="s">
        <v>302</v>
      </c>
      <c r="F14" t="s">
        <v>303</v>
      </c>
    </row>
    <row r="15" spans="1:10" ht="15" customHeight="1" thickTop="1">
      <c r="A15" s="379" t="s">
        <v>304</v>
      </c>
      <c r="B15" s="380" t="s">
        <v>305</v>
      </c>
      <c r="C15" s="380" t="s">
        <v>306</v>
      </c>
      <c r="D15" s="381" t="s">
        <v>307</v>
      </c>
      <c r="F15" s="379" t="s">
        <v>304</v>
      </c>
      <c r="G15" s="380" t="s">
        <v>305</v>
      </c>
      <c r="H15" s="380" t="s">
        <v>306</v>
      </c>
      <c r="I15" s="381" t="s">
        <v>307</v>
      </c>
    </row>
    <row r="16" spans="1:10" ht="15" customHeight="1">
      <c r="A16" s="382">
        <v>1</v>
      </c>
      <c r="B16" s="383" t="s">
        <v>319</v>
      </c>
      <c r="C16" s="384">
        <v>71.685242047133258</v>
      </c>
      <c r="D16" s="385">
        <v>1</v>
      </c>
      <c r="F16" s="382">
        <v>1</v>
      </c>
      <c r="G16" s="387" t="s">
        <v>313</v>
      </c>
      <c r="H16" s="384">
        <v>49.434154198279153</v>
      </c>
      <c r="I16" s="385">
        <v>1</v>
      </c>
    </row>
    <row r="17" spans="1:10" ht="15" customHeight="1">
      <c r="A17" s="382">
        <v>2</v>
      </c>
      <c r="B17" s="383" t="s">
        <v>320</v>
      </c>
      <c r="C17" s="384">
        <v>69.58598652692541</v>
      </c>
      <c r="D17" s="385">
        <v>2</v>
      </c>
      <c r="F17" s="382">
        <v>2</v>
      </c>
      <c r="G17" s="387" t="s">
        <v>311</v>
      </c>
      <c r="H17" s="384">
        <v>50.588408355398649</v>
      </c>
      <c r="I17" s="385">
        <v>2</v>
      </c>
    </row>
    <row r="18" spans="1:10" ht="15" customHeight="1">
      <c r="A18" s="382">
        <v>3</v>
      </c>
      <c r="B18" s="383" t="s">
        <v>321</v>
      </c>
      <c r="C18" s="384">
        <v>69.5606572660529</v>
      </c>
      <c r="D18" s="385">
        <v>3</v>
      </c>
      <c r="F18" s="382">
        <v>3</v>
      </c>
      <c r="G18" s="387" t="s">
        <v>315</v>
      </c>
      <c r="H18" s="384">
        <v>51.392895993945984</v>
      </c>
      <c r="I18" s="385">
        <v>3</v>
      </c>
    </row>
    <row r="19" spans="1:10" ht="15" customHeight="1">
      <c r="A19" s="382">
        <v>4</v>
      </c>
      <c r="B19" s="383" t="s">
        <v>322</v>
      </c>
      <c r="C19" s="384">
        <v>68.418330762043411</v>
      </c>
      <c r="D19" s="385">
        <v>4</v>
      </c>
      <c r="F19" s="382">
        <v>4</v>
      </c>
      <c r="G19" s="387" t="s">
        <v>317</v>
      </c>
      <c r="H19" s="384">
        <v>51.686209401265955</v>
      </c>
      <c r="I19" s="385">
        <v>4</v>
      </c>
    </row>
    <row r="20" spans="1:10" ht="15" customHeight="1" thickBot="1">
      <c r="A20" s="382">
        <v>5</v>
      </c>
      <c r="B20" s="383" t="s">
        <v>323</v>
      </c>
      <c r="C20" s="384">
        <v>67.949031890660592</v>
      </c>
      <c r="D20" s="385">
        <v>5</v>
      </c>
      <c r="F20" s="398">
        <v>5</v>
      </c>
      <c r="G20" s="399" t="s">
        <v>324</v>
      </c>
      <c r="H20" s="400">
        <v>53.19286871961102</v>
      </c>
      <c r="I20" s="401">
        <v>5</v>
      </c>
    </row>
    <row r="21" spans="1:10" ht="15" customHeight="1" thickTop="1">
      <c r="A21" s="393"/>
      <c r="B21" s="393"/>
      <c r="C21" s="394"/>
      <c r="D21" s="393"/>
      <c r="F21" s="395"/>
      <c r="G21" s="402"/>
      <c r="H21" s="403"/>
      <c r="I21" s="404"/>
    </row>
    <row r="22" spans="1:10" ht="15" customHeight="1">
      <c r="A22" s="388"/>
      <c r="B22" s="388"/>
      <c r="C22" s="397"/>
      <c r="D22" s="388"/>
    </row>
    <row r="23" spans="1:10" ht="15" customHeight="1">
      <c r="A23" s="378" t="s">
        <v>325</v>
      </c>
    </row>
    <row r="24" spans="1:10" ht="15" customHeight="1" thickBot="1">
      <c r="A24" t="s">
        <v>302</v>
      </c>
      <c r="F24" t="s">
        <v>303</v>
      </c>
    </row>
    <row r="25" spans="1:10" ht="15" customHeight="1" thickTop="1">
      <c r="A25" s="379" t="s">
        <v>304</v>
      </c>
      <c r="B25" s="380" t="s">
        <v>305</v>
      </c>
      <c r="C25" s="380" t="s">
        <v>306</v>
      </c>
      <c r="D25" s="381" t="s">
        <v>307</v>
      </c>
      <c r="F25" s="379" t="s">
        <v>304</v>
      </c>
      <c r="G25" s="380" t="s">
        <v>305</v>
      </c>
      <c r="H25" s="380" t="s">
        <v>306</v>
      </c>
      <c r="I25" s="381" t="s">
        <v>307</v>
      </c>
    </row>
    <row r="26" spans="1:10" ht="15" customHeight="1">
      <c r="A26" s="382">
        <v>1</v>
      </c>
      <c r="B26" s="383" t="s">
        <v>326</v>
      </c>
      <c r="C26" s="384">
        <v>42.82202348154113</v>
      </c>
      <c r="D26" s="385">
        <v>1</v>
      </c>
      <c r="F26" s="382">
        <v>1</v>
      </c>
      <c r="G26" s="383" t="s">
        <v>319</v>
      </c>
      <c r="H26" s="384">
        <v>15.249858847733444</v>
      </c>
      <c r="I26" s="388">
        <v>1</v>
      </c>
      <c r="J26" s="405"/>
    </row>
    <row r="27" spans="1:10" ht="15" customHeight="1">
      <c r="A27" s="382">
        <v>2</v>
      </c>
      <c r="B27" s="383" t="s">
        <v>327</v>
      </c>
      <c r="C27" s="384">
        <v>42.497793468667254</v>
      </c>
      <c r="D27" s="385">
        <v>2</v>
      </c>
      <c r="F27" s="382">
        <v>2</v>
      </c>
      <c r="G27" s="383" t="s">
        <v>328</v>
      </c>
      <c r="H27" s="384">
        <v>18.192117598742442</v>
      </c>
      <c r="I27" s="388">
        <v>2</v>
      </c>
      <c r="J27" s="405"/>
    </row>
    <row r="28" spans="1:10" ht="15" customHeight="1">
      <c r="A28" s="382">
        <v>3</v>
      </c>
      <c r="B28" s="383" t="s">
        <v>329</v>
      </c>
      <c r="C28" s="384">
        <v>40.140944993614909</v>
      </c>
      <c r="D28" s="385">
        <v>3</v>
      </c>
      <c r="F28" s="382">
        <v>3</v>
      </c>
      <c r="G28" s="383" t="s">
        <v>322</v>
      </c>
      <c r="H28" s="384">
        <v>18.752743312835445</v>
      </c>
      <c r="I28" s="388">
        <v>3</v>
      </c>
      <c r="J28" s="405"/>
    </row>
    <row r="29" spans="1:10" ht="15" customHeight="1">
      <c r="A29" s="382">
        <v>4</v>
      </c>
      <c r="B29" s="383" t="s">
        <v>330</v>
      </c>
      <c r="C29" s="384">
        <v>39.638891771298127</v>
      </c>
      <c r="D29" s="385">
        <v>4</v>
      </c>
      <c r="F29" s="382">
        <v>4</v>
      </c>
      <c r="G29" s="406" t="s">
        <v>321</v>
      </c>
      <c r="H29" s="384">
        <v>19.321757370935789</v>
      </c>
      <c r="I29" s="407">
        <v>4</v>
      </c>
      <c r="J29" s="405"/>
    </row>
    <row r="30" spans="1:10" ht="15" customHeight="1" thickBot="1">
      <c r="A30" s="389">
        <v>5</v>
      </c>
      <c r="B30" s="408" t="s">
        <v>331</v>
      </c>
      <c r="C30" s="391">
        <v>37.546091445427727</v>
      </c>
      <c r="D30" s="409">
        <v>5</v>
      </c>
      <c r="F30" s="382">
        <v>5</v>
      </c>
      <c r="G30" s="383" t="s">
        <v>320</v>
      </c>
      <c r="H30" s="384">
        <v>19.689962513314001</v>
      </c>
      <c r="I30" s="388">
        <v>5</v>
      </c>
      <c r="J30" s="405"/>
    </row>
    <row r="31" spans="1:10" ht="15" customHeight="1" thickTop="1">
      <c r="C31" s="403"/>
      <c r="F31" s="393"/>
      <c r="G31" s="393"/>
      <c r="H31" s="394"/>
      <c r="I31" s="393"/>
      <c r="J31" s="405"/>
    </row>
    <row r="32" spans="1:10" ht="15" customHeight="1"/>
    <row r="33" spans="1:9" ht="15" customHeight="1">
      <c r="A33" t="s">
        <v>332</v>
      </c>
    </row>
    <row r="34" spans="1:9" ht="15" customHeight="1" thickBot="1">
      <c r="A34" t="s">
        <v>302</v>
      </c>
      <c r="F34" t="s">
        <v>303</v>
      </c>
    </row>
    <row r="35" spans="1:9" ht="15" customHeight="1" thickTop="1">
      <c r="A35" s="379" t="s">
        <v>304</v>
      </c>
      <c r="B35" s="380" t="s">
        <v>305</v>
      </c>
      <c r="C35" s="380" t="s">
        <v>333</v>
      </c>
      <c r="D35" s="381" t="s">
        <v>307</v>
      </c>
      <c r="F35" s="379" t="s">
        <v>304</v>
      </c>
      <c r="G35" s="380" t="s">
        <v>305</v>
      </c>
      <c r="H35" s="380" t="s">
        <v>333</v>
      </c>
      <c r="I35" s="381" t="s">
        <v>307</v>
      </c>
    </row>
    <row r="36" spans="1:9" ht="15" customHeight="1">
      <c r="A36" s="382">
        <v>1</v>
      </c>
      <c r="B36" s="387" t="s">
        <v>327</v>
      </c>
      <c r="C36" s="410">
        <v>55.99</v>
      </c>
      <c r="D36" s="385">
        <v>1</v>
      </c>
      <c r="F36" s="382">
        <v>1</v>
      </c>
      <c r="G36" s="387" t="s">
        <v>319</v>
      </c>
      <c r="H36" s="411">
        <v>41.14</v>
      </c>
      <c r="I36" s="385">
        <v>1</v>
      </c>
    </row>
    <row r="37" spans="1:9" ht="15" customHeight="1">
      <c r="A37" s="382">
        <v>2</v>
      </c>
      <c r="B37" s="387" t="s">
        <v>326</v>
      </c>
      <c r="C37" s="410">
        <v>55.65</v>
      </c>
      <c r="D37" s="385">
        <v>2</v>
      </c>
      <c r="F37" s="382">
        <v>2</v>
      </c>
      <c r="G37" s="387" t="s">
        <v>328</v>
      </c>
      <c r="H37" s="412">
        <v>42.63</v>
      </c>
      <c r="I37" s="385">
        <v>2</v>
      </c>
    </row>
    <row r="38" spans="1:9" ht="15" customHeight="1">
      <c r="A38" s="382">
        <v>3</v>
      </c>
      <c r="B38" s="387" t="s">
        <v>329</v>
      </c>
      <c r="C38" s="410">
        <v>53.83</v>
      </c>
      <c r="D38" s="385">
        <v>4</v>
      </c>
      <c r="F38" s="382">
        <v>3</v>
      </c>
      <c r="G38" s="387" t="s">
        <v>322</v>
      </c>
      <c r="H38" s="412">
        <v>42.88</v>
      </c>
      <c r="I38" s="385">
        <v>3</v>
      </c>
    </row>
    <row r="39" spans="1:9" ht="15" customHeight="1">
      <c r="A39" s="382">
        <v>4</v>
      </c>
      <c r="B39" s="413" t="s">
        <v>317</v>
      </c>
      <c r="C39" s="410">
        <v>53.74</v>
      </c>
      <c r="D39" s="396">
        <v>3</v>
      </c>
      <c r="F39" s="382">
        <v>4</v>
      </c>
      <c r="G39" s="387" t="s">
        <v>320</v>
      </c>
      <c r="H39" s="412">
        <v>43.39</v>
      </c>
      <c r="I39" s="385">
        <v>4</v>
      </c>
    </row>
    <row r="40" spans="1:9" ht="15" customHeight="1" thickBot="1">
      <c r="A40" s="389">
        <v>5</v>
      </c>
      <c r="B40" s="390" t="s">
        <v>334</v>
      </c>
      <c r="C40" s="414">
        <v>52.42</v>
      </c>
      <c r="D40" s="415">
        <v>5</v>
      </c>
      <c r="F40" s="416">
        <v>5</v>
      </c>
      <c r="G40" s="390" t="s">
        <v>323</v>
      </c>
      <c r="H40" s="417">
        <v>43.62</v>
      </c>
      <c r="I40" s="416">
        <v>5</v>
      </c>
    </row>
    <row r="41" spans="1:9" ht="15" customHeight="1" thickTop="1">
      <c r="A41" s="388"/>
      <c r="B41" s="418"/>
      <c r="C41" s="419"/>
      <c r="D41" s="388"/>
      <c r="F41" s="393"/>
      <c r="G41" s="420"/>
      <c r="H41" s="421"/>
      <c r="I41" s="393"/>
    </row>
    <row r="42" spans="1:9" ht="15" customHeight="1"/>
    <row r="43" spans="1:9" ht="15" customHeight="1">
      <c r="A43" t="s">
        <v>335</v>
      </c>
    </row>
    <row r="44" spans="1:9" ht="15" customHeight="1" thickBot="1">
      <c r="A44" t="s">
        <v>302</v>
      </c>
      <c r="F44" t="s">
        <v>303</v>
      </c>
    </row>
    <row r="45" spans="1:9" ht="15" customHeight="1" thickTop="1">
      <c r="A45" s="379" t="s">
        <v>304</v>
      </c>
      <c r="B45" s="380" t="s">
        <v>305</v>
      </c>
      <c r="C45" s="380" t="s">
        <v>336</v>
      </c>
      <c r="D45" s="381" t="s">
        <v>307</v>
      </c>
      <c r="F45" s="379" t="s">
        <v>304</v>
      </c>
      <c r="G45" s="380" t="s">
        <v>305</v>
      </c>
      <c r="H45" s="380" t="s">
        <v>336</v>
      </c>
      <c r="I45" s="381" t="s">
        <v>307</v>
      </c>
    </row>
    <row r="46" spans="1:9" ht="15" customHeight="1">
      <c r="A46" s="382">
        <v>1</v>
      </c>
      <c r="B46" s="383" t="s">
        <v>327</v>
      </c>
      <c r="C46" s="384">
        <v>614.67999999999995</v>
      </c>
      <c r="D46" s="385">
        <v>1</v>
      </c>
      <c r="F46" s="382">
        <v>1</v>
      </c>
      <c r="G46" s="387" t="s">
        <v>319</v>
      </c>
      <c r="H46" s="384">
        <v>116.7</v>
      </c>
      <c r="I46" s="385">
        <v>2</v>
      </c>
    </row>
    <row r="47" spans="1:9" ht="15" customHeight="1">
      <c r="A47" s="382">
        <v>2</v>
      </c>
      <c r="B47" s="383" t="s">
        <v>331</v>
      </c>
      <c r="C47" s="384">
        <v>596.29999999999995</v>
      </c>
      <c r="D47" s="385">
        <v>2</v>
      </c>
      <c r="F47" s="382">
        <v>2</v>
      </c>
      <c r="G47" s="387" t="s">
        <v>328</v>
      </c>
      <c r="H47" s="384">
        <v>119.2</v>
      </c>
      <c r="I47" s="385">
        <v>1</v>
      </c>
    </row>
    <row r="48" spans="1:9" ht="15" customHeight="1">
      <c r="A48" s="382">
        <v>3</v>
      </c>
      <c r="B48" s="383" t="s">
        <v>337</v>
      </c>
      <c r="C48" s="384">
        <v>553</v>
      </c>
      <c r="D48" s="385">
        <v>3</v>
      </c>
      <c r="F48" s="382">
        <v>3</v>
      </c>
      <c r="G48" s="387" t="s">
        <v>322</v>
      </c>
      <c r="H48" s="384">
        <v>146.19999999999999</v>
      </c>
      <c r="I48" s="385">
        <v>3</v>
      </c>
    </row>
    <row r="49" spans="1:9" ht="15" customHeight="1">
      <c r="A49" s="382">
        <v>4</v>
      </c>
      <c r="B49" s="383" t="s">
        <v>338</v>
      </c>
      <c r="C49" s="384">
        <v>474.1</v>
      </c>
      <c r="D49" s="385">
        <v>4</v>
      </c>
      <c r="F49" s="382">
        <v>4</v>
      </c>
      <c r="G49" s="387" t="s">
        <v>339</v>
      </c>
      <c r="H49" s="384">
        <v>157.9</v>
      </c>
      <c r="I49" s="385">
        <v>4</v>
      </c>
    </row>
    <row r="50" spans="1:9" ht="15" customHeight="1" thickBot="1">
      <c r="A50" s="389">
        <v>5</v>
      </c>
      <c r="B50" s="408" t="s">
        <v>330</v>
      </c>
      <c r="C50" s="391">
        <v>456.9</v>
      </c>
      <c r="D50" s="409">
        <v>5</v>
      </c>
      <c r="F50" s="389">
        <v>5</v>
      </c>
      <c r="G50" s="390" t="s">
        <v>340</v>
      </c>
      <c r="H50" s="391">
        <v>161.80000000000001</v>
      </c>
      <c r="I50" s="415">
        <v>5</v>
      </c>
    </row>
    <row r="51" spans="1:9" ht="14.25" thickTop="1"/>
  </sheetData>
  <phoneticPr fontId="2"/>
  <printOptions horizontalCentered="1"/>
  <pageMargins left="0.98425196850393704" right="0.78740157480314965" top="0.78740157480314965" bottom="0.9055118110236221" header="0.51181102362204722" footer="0.19685039370078741"/>
  <pageSetup paperSize="9" firstPageNumber="13" orientation="portrait" r:id="rId1"/>
  <headerFooter scaleWithDoc="0" alignWithMargins="0">
    <oddFooter>&amp;C&amp;"ＭＳ ゴシック,太字"&amp;10-15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Normal="100" workbookViewId="0"/>
  </sheetViews>
  <sheetFormatPr defaultRowHeight="13.5"/>
  <cols>
    <col min="1" max="1" width="16.25" style="424" customWidth="1"/>
    <col min="2" max="5" width="9.625" style="423" customWidth="1"/>
    <col min="6" max="6" width="7.625" style="423" customWidth="1"/>
    <col min="7" max="10" width="9.625" style="423" customWidth="1"/>
    <col min="11" max="11" width="7.625" style="423" customWidth="1"/>
    <col min="12" max="12" width="8.75" style="423" customWidth="1"/>
    <col min="13" max="15" width="8.625" style="423" customWidth="1"/>
    <col min="16" max="16" width="7.625" style="423" hidden="1" customWidth="1"/>
    <col min="17" max="20" width="7.25" style="423" customWidth="1"/>
    <col min="21" max="21" width="7" style="423" customWidth="1"/>
    <col min="22" max="24" width="8.125" style="423" customWidth="1"/>
    <col min="25" max="25" width="7.875" style="423" customWidth="1"/>
    <col min="26" max="26" width="8.875" style="423" customWidth="1"/>
    <col min="27" max="27" width="3.875" style="423" customWidth="1"/>
    <col min="28" max="16384" width="9" style="424"/>
  </cols>
  <sheetData>
    <row r="1" spans="1:27" ht="15.95" customHeight="1" thickBot="1">
      <c r="A1" s="422" t="s">
        <v>341</v>
      </c>
      <c r="L1" s="544"/>
      <c r="M1" s="544"/>
      <c r="N1" s="544"/>
      <c r="O1" s="1149" t="s">
        <v>341</v>
      </c>
      <c r="P1" s="1149"/>
      <c r="Q1" s="544"/>
      <c r="R1" s="544"/>
      <c r="S1" s="1149"/>
      <c r="T1" s="1149"/>
      <c r="U1" s="1149"/>
      <c r="V1" s="544"/>
      <c r="W1" s="544"/>
      <c r="X1" s="544"/>
      <c r="Y1" s="544"/>
      <c r="Z1" s="544"/>
      <c r="AA1" s="544"/>
    </row>
    <row r="2" spans="1:27" ht="15" customHeight="1" thickTop="1">
      <c r="A2" s="425"/>
      <c r="B2" s="1273" t="s">
        <v>342</v>
      </c>
      <c r="C2" s="1274"/>
      <c r="D2" s="1274"/>
      <c r="E2" s="1274"/>
      <c r="F2" s="1275"/>
      <c r="G2" s="1273" t="s">
        <v>1009</v>
      </c>
      <c r="H2" s="1274"/>
      <c r="I2" s="1274"/>
      <c r="J2" s="1274"/>
      <c r="K2" s="1274"/>
      <c r="L2" s="1276" t="s">
        <v>343</v>
      </c>
      <c r="M2" s="1276"/>
      <c r="N2" s="1276"/>
      <c r="O2" s="1277"/>
      <c r="P2" s="426"/>
      <c r="Q2" s="1278" t="s">
        <v>344</v>
      </c>
      <c r="R2" s="1279"/>
      <c r="S2" s="1279"/>
      <c r="T2" s="1280"/>
      <c r="U2" s="1281" t="s">
        <v>345</v>
      </c>
      <c r="V2" s="1282"/>
      <c r="W2" s="1282"/>
      <c r="X2" s="1283"/>
      <c r="Y2" s="427" t="s">
        <v>346</v>
      </c>
      <c r="Z2" s="428" t="s">
        <v>346</v>
      </c>
      <c r="AA2" s="429"/>
    </row>
    <row r="3" spans="1:27" s="440" customFormat="1" ht="15" customHeight="1">
      <c r="A3" s="430" t="s">
        <v>347</v>
      </c>
      <c r="B3" s="431" t="s">
        <v>348</v>
      </c>
      <c r="C3" s="431" t="s">
        <v>349</v>
      </c>
      <c r="D3" s="432" t="s">
        <v>350</v>
      </c>
      <c r="E3" s="432" t="s">
        <v>351</v>
      </c>
      <c r="F3" s="433" t="s">
        <v>352</v>
      </c>
      <c r="G3" s="431" t="s">
        <v>214</v>
      </c>
      <c r="H3" s="431" t="s">
        <v>349</v>
      </c>
      <c r="I3" s="432" t="s">
        <v>350</v>
      </c>
      <c r="J3" s="431" t="s">
        <v>351</v>
      </c>
      <c r="K3" s="435" t="s">
        <v>352</v>
      </c>
      <c r="L3" s="434" t="s">
        <v>348</v>
      </c>
      <c r="M3" s="436" t="s">
        <v>353</v>
      </c>
      <c r="N3" s="437" t="s">
        <v>350</v>
      </c>
      <c r="O3" s="437" t="s">
        <v>351</v>
      </c>
      <c r="P3" s="433" t="s">
        <v>352</v>
      </c>
      <c r="Q3" s="438" t="s">
        <v>354</v>
      </c>
      <c r="R3" s="436" t="s">
        <v>353</v>
      </c>
      <c r="S3" s="433" t="s">
        <v>350</v>
      </c>
      <c r="T3" s="435" t="s">
        <v>351</v>
      </c>
      <c r="U3" s="437" t="s">
        <v>355</v>
      </c>
      <c r="V3" s="437" t="s">
        <v>349</v>
      </c>
      <c r="W3" s="433" t="s">
        <v>350</v>
      </c>
      <c r="X3" s="433" t="s">
        <v>351</v>
      </c>
      <c r="Y3" s="439" t="s">
        <v>356</v>
      </c>
      <c r="Z3" s="435" t="s">
        <v>357</v>
      </c>
      <c r="AA3" s="429"/>
    </row>
    <row r="4" spans="1:27" s="440" customFormat="1" ht="11.25" customHeight="1">
      <c r="A4" s="441"/>
      <c r="B4" s="442" t="s">
        <v>212</v>
      </c>
      <c r="C4" s="442" t="s">
        <v>212</v>
      </c>
      <c r="D4" s="442" t="s">
        <v>212</v>
      </c>
      <c r="E4" s="442" t="s">
        <v>212</v>
      </c>
      <c r="F4" s="442" t="s">
        <v>212</v>
      </c>
      <c r="G4" s="442" t="s">
        <v>212</v>
      </c>
      <c r="H4" s="442" t="s">
        <v>212</v>
      </c>
      <c r="I4" s="442" t="s">
        <v>212</v>
      </c>
      <c r="J4" s="442" t="s">
        <v>212</v>
      </c>
      <c r="K4" s="444" t="s">
        <v>212</v>
      </c>
      <c r="L4" s="443" t="s">
        <v>212</v>
      </c>
      <c r="M4" s="442" t="s">
        <v>212</v>
      </c>
      <c r="N4" s="442" t="s">
        <v>212</v>
      </c>
      <c r="O4" s="442" t="s">
        <v>212</v>
      </c>
      <c r="P4" s="442"/>
      <c r="Q4" s="443" t="s">
        <v>175</v>
      </c>
      <c r="R4" s="442" t="s">
        <v>175</v>
      </c>
      <c r="S4" s="442" t="s">
        <v>175</v>
      </c>
      <c r="T4" s="444" t="s">
        <v>175</v>
      </c>
      <c r="U4" s="442" t="s">
        <v>175</v>
      </c>
      <c r="V4" s="442" t="s">
        <v>175</v>
      </c>
      <c r="W4" s="442" t="s">
        <v>175</v>
      </c>
      <c r="X4" s="442" t="s">
        <v>175</v>
      </c>
      <c r="Y4" s="445" t="s">
        <v>202</v>
      </c>
      <c r="Z4" s="444"/>
      <c r="AA4" s="445"/>
    </row>
    <row r="5" spans="1:27" ht="12.6" customHeight="1">
      <c r="A5" s="446" t="s">
        <v>358</v>
      </c>
      <c r="B5" s="447">
        <v>9201825</v>
      </c>
      <c r="C5" s="447">
        <v>1094402</v>
      </c>
      <c r="D5" s="447">
        <v>5712800</v>
      </c>
      <c r="E5" s="447">
        <v>2311697</v>
      </c>
      <c r="F5" s="447">
        <v>82926</v>
      </c>
      <c r="G5" s="447">
        <v>9181625</v>
      </c>
      <c r="H5" s="447">
        <v>1106141</v>
      </c>
      <c r="I5" s="447">
        <v>5704254</v>
      </c>
      <c r="J5" s="447">
        <v>2288304</v>
      </c>
      <c r="K5" s="1144">
        <v>82926</v>
      </c>
      <c r="L5" s="448">
        <v>20200</v>
      </c>
      <c r="M5" s="447">
        <v>-11739</v>
      </c>
      <c r="N5" s="447">
        <v>8546</v>
      </c>
      <c r="O5" s="447">
        <v>23393</v>
      </c>
      <c r="P5" s="447" t="s">
        <v>359</v>
      </c>
      <c r="Q5" s="449">
        <v>0.2</v>
      </c>
      <c r="R5" s="450">
        <v>-1.1000000000000001</v>
      </c>
      <c r="S5" s="450">
        <v>0.1</v>
      </c>
      <c r="T5" s="451">
        <v>1</v>
      </c>
      <c r="U5" s="452" t="s">
        <v>360</v>
      </c>
      <c r="V5" s="450">
        <v>12</v>
      </c>
      <c r="W5" s="450">
        <v>62.6</v>
      </c>
      <c r="X5" s="450">
        <v>25.4</v>
      </c>
      <c r="Y5" s="453">
        <v>46.17</v>
      </c>
      <c r="Z5" s="451">
        <v>211.2</v>
      </c>
      <c r="AA5" s="454"/>
    </row>
    <row r="6" spans="1:27" ht="10.5" customHeight="1">
      <c r="A6" s="455"/>
      <c r="B6" s="456"/>
      <c r="C6" s="456"/>
      <c r="D6" s="456"/>
      <c r="E6" s="456"/>
      <c r="F6" s="456"/>
      <c r="G6" s="456"/>
      <c r="H6" s="456"/>
      <c r="I6" s="456"/>
      <c r="J6" s="456"/>
      <c r="K6" s="1145"/>
      <c r="L6" s="457"/>
      <c r="M6" s="456"/>
      <c r="N6" s="456"/>
      <c r="O6" s="456"/>
      <c r="P6" s="447"/>
      <c r="Q6" s="458"/>
      <c r="R6" s="459"/>
      <c r="S6" s="459"/>
      <c r="T6" s="460"/>
      <c r="U6" s="461"/>
      <c r="V6" s="459"/>
      <c r="W6" s="459"/>
      <c r="X6" s="459"/>
      <c r="Y6" s="462"/>
      <c r="Z6" s="460"/>
      <c r="AA6" s="462"/>
    </row>
    <row r="7" spans="1:27" s="464" customFormat="1" ht="12.6" customHeight="1">
      <c r="A7" s="463" t="s">
        <v>361</v>
      </c>
      <c r="B7" s="447">
        <v>3749929</v>
      </c>
      <c r="C7" s="447">
        <v>446873</v>
      </c>
      <c r="D7" s="447">
        <v>2358120</v>
      </c>
      <c r="E7" s="447">
        <v>922408</v>
      </c>
      <c r="F7" s="447">
        <v>22528</v>
      </c>
      <c r="G7" s="447">
        <v>3740944</v>
      </c>
      <c r="H7" s="447">
        <v>452233</v>
      </c>
      <c r="I7" s="447">
        <v>2352860</v>
      </c>
      <c r="J7" s="447">
        <v>913323</v>
      </c>
      <c r="K7" s="1144">
        <v>22528</v>
      </c>
      <c r="L7" s="448">
        <v>8985</v>
      </c>
      <c r="M7" s="447">
        <v>-5360</v>
      </c>
      <c r="N7" s="447">
        <v>5260</v>
      </c>
      <c r="O7" s="447">
        <v>9085</v>
      </c>
      <c r="P7" s="447" t="s">
        <v>362</v>
      </c>
      <c r="Q7" s="449">
        <v>0.2</v>
      </c>
      <c r="R7" s="450">
        <v>-1.2</v>
      </c>
      <c r="S7" s="450">
        <v>0.2</v>
      </c>
      <c r="T7" s="451">
        <v>1</v>
      </c>
      <c r="U7" s="452" t="s">
        <v>360</v>
      </c>
      <c r="V7" s="450">
        <v>12</v>
      </c>
      <c r="W7" s="450">
        <v>63.3</v>
      </c>
      <c r="X7" s="450">
        <v>24.7</v>
      </c>
      <c r="Y7" s="453">
        <v>46.05</v>
      </c>
      <c r="Z7" s="451">
        <v>206.4</v>
      </c>
      <c r="AA7" s="454"/>
    </row>
    <row r="8" spans="1:27" ht="12.6" customHeight="1">
      <c r="A8" s="465" t="s">
        <v>363</v>
      </c>
      <c r="B8" s="456">
        <v>292975</v>
      </c>
      <c r="C8" s="456">
        <v>37093</v>
      </c>
      <c r="D8" s="456">
        <v>191838</v>
      </c>
      <c r="E8" s="456">
        <v>61852</v>
      </c>
      <c r="F8" s="456">
        <v>2192</v>
      </c>
      <c r="G8" s="456">
        <v>291191</v>
      </c>
      <c r="H8" s="456">
        <v>37315</v>
      </c>
      <c r="I8" s="456">
        <v>190485</v>
      </c>
      <c r="J8" s="456">
        <v>61199</v>
      </c>
      <c r="K8" s="1145">
        <v>2192</v>
      </c>
      <c r="L8" s="457">
        <v>1784</v>
      </c>
      <c r="M8" s="456">
        <v>-222</v>
      </c>
      <c r="N8" s="456">
        <v>1353</v>
      </c>
      <c r="O8" s="456">
        <v>653</v>
      </c>
      <c r="P8" s="447" t="s">
        <v>364</v>
      </c>
      <c r="Q8" s="458">
        <v>0.6</v>
      </c>
      <c r="R8" s="459">
        <v>-0.6</v>
      </c>
      <c r="S8" s="459">
        <v>0.7</v>
      </c>
      <c r="T8" s="460">
        <v>1.1000000000000001</v>
      </c>
      <c r="U8" s="461" t="s">
        <v>360</v>
      </c>
      <c r="V8" s="459">
        <v>12.8</v>
      </c>
      <c r="W8" s="459">
        <v>66</v>
      </c>
      <c r="X8" s="459">
        <v>21.3</v>
      </c>
      <c r="Y8" s="466">
        <v>44.06</v>
      </c>
      <c r="Z8" s="460">
        <v>166.7</v>
      </c>
      <c r="AA8" s="462"/>
    </row>
    <row r="9" spans="1:27" ht="12.6" customHeight="1">
      <c r="A9" s="465" t="s">
        <v>365</v>
      </c>
      <c r="B9" s="456">
        <v>245036</v>
      </c>
      <c r="C9" s="456">
        <v>27250</v>
      </c>
      <c r="D9" s="456">
        <v>162442</v>
      </c>
      <c r="E9" s="456">
        <v>52994</v>
      </c>
      <c r="F9" s="456">
        <v>2350</v>
      </c>
      <c r="G9" s="456">
        <v>243324</v>
      </c>
      <c r="H9" s="456">
        <v>27359</v>
      </c>
      <c r="I9" s="456">
        <v>160901</v>
      </c>
      <c r="J9" s="456">
        <v>52714</v>
      </c>
      <c r="K9" s="1145">
        <v>2350</v>
      </c>
      <c r="L9" s="457">
        <v>1712</v>
      </c>
      <c r="M9" s="456">
        <v>-109</v>
      </c>
      <c r="N9" s="456">
        <v>1541</v>
      </c>
      <c r="O9" s="456">
        <v>280</v>
      </c>
      <c r="P9" s="447" t="s">
        <v>364</v>
      </c>
      <c r="Q9" s="458">
        <v>0.7</v>
      </c>
      <c r="R9" s="459">
        <v>-0.4</v>
      </c>
      <c r="S9" s="459">
        <v>1</v>
      </c>
      <c r="T9" s="460">
        <v>0.5</v>
      </c>
      <c r="U9" s="461" t="s">
        <v>366</v>
      </c>
      <c r="V9" s="459">
        <v>11.2</v>
      </c>
      <c r="W9" s="459">
        <v>66.900000000000006</v>
      </c>
      <c r="X9" s="459">
        <v>21.8</v>
      </c>
      <c r="Y9" s="466">
        <v>44.63</v>
      </c>
      <c r="Z9" s="460">
        <v>194.5</v>
      </c>
      <c r="AA9" s="462"/>
    </row>
    <row r="10" spans="1:27" ht="12.6" customHeight="1">
      <c r="A10" s="465" t="s">
        <v>367</v>
      </c>
      <c r="B10" s="456">
        <v>103985</v>
      </c>
      <c r="C10" s="456">
        <v>11448</v>
      </c>
      <c r="D10" s="456">
        <v>71628</v>
      </c>
      <c r="E10" s="456">
        <v>19896</v>
      </c>
      <c r="F10" s="456">
        <v>1013</v>
      </c>
      <c r="G10" s="456">
        <v>102400</v>
      </c>
      <c r="H10" s="456">
        <v>11197</v>
      </c>
      <c r="I10" s="456">
        <v>70394</v>
      </c>
      <c r="J10" s="456">
        <v>19796</v>
      </c>
      <c r="K10" s="1145">
        <v>1013</v>
      </c>
      <c r="L10" s="457">
        <v>1585</v>
      </c>
      <c r="M10" s="456">
        <v>251</v>
      </c>
      <c r="N10" s="456">
        <v>1234</v>
      </c>
      <c r="O10" s="456">
        <v>100</v>
      </c>
      <c r="P10" s="447" t="s">
        <v>364</v>
      </c>
      <c r="Q10" s="458">
        <v>1.5</v>
      </c>
      <c r="R10" s="459">
        <v>2.2000000000000002</v>
      </c>
      <c r="S10" s="459">
        <v>1.8</v>
      </c>
      <c r="T10" s="460">
        <v>0.5</v>
      </c>
      <c r="U10" s="461" t="s">
        <v>366</v>
      </c>
      <c r="V10" s="459">
        <v>11.1</v>
      </c>
      <c r="W10" s="459">
        <v>69.599999999999994</v>
      </c>
      <c r="X10" s="459">
        <v>19.3</v>
      </c>
      <c r="Y10" s="466">
        <v>44.14</v>
      </c>
      <c r="Z10" s="460">
        <v>173.8</v>
      </c>
      <c r="AA10" s="462"/>
    </row>
    <row r="11" spans="1:27" ht="12.6" customHeight="1">
      <c r="A11" s="465" t="s">
        <v>368</v>
      </c>
      <c r="B11" s="456">
        <v>149910</v>
      </c>
      <c r="C11" s="456">
        <v>15211</v>
      </c>
      <c r="D11" s="456">
        <v>96350</v>
      </c>
      <c r="E11" s="456">
        <v>35456</v>
      </c>
      <c r="F11" s="456">
        <v>2893</v>
      </c>
      <c r="G11" s="456">
        <v>149168</v>
      </c>
      <c r="H11" s="456">
        <v>15326</v>
      </c>
      <c r="I11" s="456">
        <v>95870</v>
      </c>
      <c r="J11" s="456">
        <v>35079</v>
      </c>
      <c r="K11" s="1145">
        <v>2893</v>
      </c>
      <c r="L11" s="457">
        <v>742</v>
      </c>
      <c r="M11" s="456">
        <v>-115</v>
      </c>
      <c r="N11" s="456">
        <v>480</v>
      </c>
      <c r="O11" s="456">
        <v>377</v>
      </c>
      <c r="P11" s="447" t="s">
        <v>362</v>
      </c>
      <c r="Q11" s="458">
        <v>0.5</v>
      </c>
      <c r="R11" s="459">
        <v>-0.8</v>
      </c>
      <c r="S11" s="459">
        <v>0.5</v>
      </c>
      <c r="T11" s="460">
        <v>1.1000000000000001</v>
      </c>
      <c r="U11" s="461" t="s">
        <v>360</v>
      </c>
      <c r="V11" s="459">
        <v>10.3</v>
      </c>
      <c r="W11" s="459">
        <v>65.5</v>
      </c>
      <c r="X11" s="459">
        <v>24.1</v>
      </c>
      <c r="Y11" s="466">
        <v>47.07</v>
      </c>
      <c r="Z11" s="460">
        <v>233.1</v>
      </c>
      <c r="AA11" s="462"/>
    </row>
    <row r="12" spans="1:27" ht="12.6" customHeight="1">
      <c r="A12" s="465" t="s">
        <v>369</v>
      </c>
      <c r="B12" s="456">
        <v>195482</v>
      </c>
      <c r="C12" s="456">
        <v>19472</v>
      </c>
      <c r="D12" s="456">
        <v>122708</v>
      </c>
      <c r="E12" s="456">
        <v>51817</v>
      </c>
      <c r="F12" s="456">
        <v>1485</v>
      </c>
      <c r="G12" s="456">
        <v>195342</v>
      </c>
      <c r="H12" s="456">
        <v>19646</v>
      </c>
      <c r="I12" s="456">
        <v>122459</v>
      </c>
      <c r="J12" s="456">
        <v>51752</v>
      </c>
      <c r="K12" s="1145">
        <v>1485</v>
      </c>
      <c r="L12" s="457">
        <v>140</v>
      </c>
      <c r="M12" s="456">
        <v>-174</v>
      </c>
      <c r="N12" s="456">
        <v>249</v>
      </c>
      <c r="O12" s="456">
        <v>65</v>
      </c>
      <c r="P12" s="447" t="s">
        <v>362</v>
      </c>
      <c r="Q12" s="458">
        <v>0.1</v>
      </c>
      <c r="R12" s="459">
        <v>-0.9</v>
      </c>
      <c r="S12" s="459">
        <v>0.2</v>
      </c>
      <c r="T12" s="460">
        <v>0.1</v>
      </c>
      <c r="U12" s="461" t="s">
        <v>360</v>
      </c>
      <c r="V12" s="459">
        <v>10</v>
      </c>
      <c r="W12" s="459">
        <v>63.3</v>
      </c>
      <c r="X12" s="459">
        <v>26.7</v>
      </c>
      <c r="Y12" s="466">
        <v>47.51</v>
      </c>
      <c r="Z12" s="460">
        <v>266.10000000000002</v>
      </c>
      <c r="AA12" s="462"/>
    </row>
    <row r="13" spans="1:27" ht="12.6" customHeight="1">
      <c r="A13" s="465" t="s">
        <v>370</v>
      </c>
      <c r="B13" s="456">
        <v>205939</v>
      </c>
      <c r="C13" s="456">
        <v>22159</v>
      </c>
      <c r="D13" s="456">
        <v>128071</v>
      </c>
      <c r="E13" s="456">
        <v>54181</v>
      </c>
      <c r="F13" s="456">
        <v>1528</v>
      </c>
      <c r="G13" s="456">
        <v>205577</v>
      </c>
      <c r="H13" s="456">
        <v>22470</v>
      </c>
      <c r="I13" s="456">
        <v>127703</v>
      </c>
      <c r="J13" s="456">
        <v>53876</v>
      </c>
      <c r="K13" s="1145">
        <v>1528</v>
      </c>
      <c r="L13" s="457">
        <v>362</v>
      </c>
      <c r="M13" s="456">
        <v>-311</v>
      </c>
      <c r="N13" s="456">
        <v>368</v>
      </c>
      <c r="O13" s="456">
        <v>305</v>
      </c>
      <c r="P13" s="447" t="s">
        <v>364</v>
      </c>
      <c r="Q13" s="458">
        <v>0.2</v>
      </c>
      <c r="R13" s="459">
        <v>-1.4</v>
      </c>
      <c r="S13" s="459">
        <v>0.3</v>
      </c>
      <c r="T13" s="460">
        <v>0.6</v>
      </c>
      <c r="U13" s="461" t="s">
        <v>360</v>
      </c>
      <c r="V13" s="459">
        <v>10.8</v>
      </c>
      <c r="W13" s="459">
        <v>62.7</v>
      </c>
      <c r="X13" s="459">
        <v>26.5</v>
      </c>
      <c r="Y13" s="466">
        <v>47.04</v>
      </c>
      <c r="Z13" s="460">
        <v>244.5</v>
      </c>
      <c r="AA13" s="462"/>
    </row>
    <row r="14" spans="1:27" ht="12.6" customHeight="1">
      <c r="A14" s="465" t="s">
        <v>371</v>
      </c>
      <c r="B14" s="456">
        <v>166347</v>
      </c>
      <c r="C14" s="456">
        <v>19599</v>
      </c>
      <c r="D14" s="456">
        <v>100128</v>
      </c>
      <c r="E14" s="456">
        <v>45643</v>
      </c>
      <c r="F14" s="456">
        <v>977</v>
      </c>
      <c r="G14" s="456">
        <v>166607</v>
      </c>
      <c r="H14" s="456">
        <v>19793</v>
      </c>
      <c r="I14" s="456">
        <v>100386</v>
      </c>
      <c r="J14" s="456">
        <v>45451</v>
      </c>
      <c r="K14" s="1145">
        <v>977</v>
      </c>
      <c r="L14" s="457">
        <v>-260</v>
      </c>
      <c r="M14" s="456">
        <v>-194</v>
      </c>
      <c r="N14" s="456">
        <v>-258</v>
      </c>
      <c r="O14" s="456">
        <v>192</v>
      </c>
      <c r="P14" s="447" t="s">
        <v>364</v>
      </c>
      <c r="Q14" s="458">
        <v>-0.2</v>
      </c>
      <c r="R14" s="459">
        <v>-1</v>
      </c>
      <c r="S14" s="459">
        <v>-0.3</v>
      </c>
      <c r="T14" s="460">
        <v>0.4</v>
      </c>
      <c r="U14" s="461" t="s">
        <v>360</v>
      </c>
      <c r="V14" s="459">
        <v>11.9</v>
      </c>
      <c r="W14" s="459">
        <v>60.5</v>
      </c>
      <c r="X14" s="459">
        <v>27.6</v>
      </c>
      <c r="Y14" s="466">
        <v>47.39</v>
      </c>
      <c r="Z14" s="460">
        <v>232.9</v>
      </c>
      <c r="AA14" s="462"/>
    </row>
    <row r="15" spans="1:27" ht="12.6" customHeight="1">
      <c r="A15" s="465" t="s">
        <v>372</v>
      </c>
      <c r="B15" s="456">
        <v>198054</v>
      </c>
      <c r="C15" s="456">
        <v>21928</v>
      </c>
      <c r="D15" s="456">
        <v>117049</v>
      </c>
      <c r="E15" s="456">
        <v>58093</v>
      </c>
      <c r="F15" s="456">
        <v>984</v>
      </c>
      <c r="G15" s="456">
        <v>199034</v>
      </c>
      <c r="H15" s="456">
        <v>22482</v>
      </c>
      <c r="I15" s="456">
        <v>118181</v>
      </c>
      <c r="J15" s="456">
        <v>57387</v>
      </c>
      <c r="K15" s="1145">
        <v>984</v>
      </c>
      <c r="L15" s="457">
        <v>-980</v>
      </c>
      <c r="M15" s="456">
        <v>-554</v>
      </c>
      <c r="N15" s="456">
        <v>-1132</v>
      </c>
      <c r="O15" s="456">
        <v>706</v>
      </c>
      <c r="P15" s="447" t="s">
        <v>364</v>
      </c>
      <c r="Q15" s="458">
        <v>-0.5</v>
      </c>
      <c r="R15" s="459">
        <v>-2.5</v>
      </c>
      <c r="S15" s="459">
        <v>-1</v>
      </c>
      <c r="T15" s="460">
        <v>1.2</v>
      </c>
      <c r="U15" s="461" t="s">
        <v>360</v>
      </c>
      <c r="V15" s="459">
        <v>11.1</v>
      </c>
      <c r="W15" s="459">
        <v>59.4</v>
      </c>
      <c r="X15" s="459">
        <v>29.5</v>
      </c>
      <c r="Y15" s="466">
        <v>48.19</v>
      </c>
      <c r="Z15" s="460">
        <v>264.89999999999998</v>
      </c>
      <c r="AA15" s="462"/>
    </row>
    <row r="16" spans="1:27" ht="12.6" customHeight="1">
      <c r="A16" s="465" t="s">
        <v>373</v>
      </c>
      <c r="B16" s="456">
        <v>353620</v>
      </c>
      <c r="C16" s="456">
        <v>43003</v>
      </c>
      <c r="D16" s="456">
        <v>238637</v>
      </c>
      <c r="E16" s="456">
        <v>69560</v>
      </c>
      <c r="F16" s="456">
        <v>2420</v>
      </c>
      <c r="G16" s="456">
        <v>351448</v>
      </c>
      <c r="H16" s="456">
        <v>43295</v>
      </c>
      <c r="I16" s="456">
        <v>236971</v>
      </c>
      <c r="J16" s="456">
        <v>68762</v>
      </c>
      <c r="K16" s="1145">
        <v>2420</v>
      </c>
      <c r="L16" s="457">
        <v>2172</v>
      </c>
      <c r="M16" s="456">
        <v>-292</v>
      </c>
      <c r="N16" s="456">
        <v>1666</v>
      </c>
      <c r="O16" s="456">
        <v>798</v>
      </c>
      <c r="P16" s="447" t="s">
        <v>364</v>
      </c>
      <c r="Q16" s="458">
        <v>0.6</v>
      </c>
      <c r="R16" s="459">
        <v>-0.7</v>
      </c>
      <c r="S16" s="459">
        <v>0.7</v>
      </c>
      <c r="T16" s="460">
        <v>1.2</v>
      </c>
      <c r="U16" s="461" t="s">
        <v>360</v>
      </c>
      <c r="V16" s="459">
        <v>12.2</v>
      </c>
      <c r="W16" s="459">
        <v>67.900000000000006</v>
      </c>
      <c r="X16" s="459">
        <v>19.8</v>
      </c>
      <c r="Y16" s="466">
        <v>43.62</v>
      </c>
      <c r="Z16" s="460">
        <v>161.80000000000001</v>
      </c>
      <c r="AA16" s="462"/>
    </row>
    <row r="17" spans="1:27" ht="12.6" customHeight="1">
      <c r="A17" s="465" t="s">
        <v>374</v>
      </c>
      <c r="B17" s="456">
        <v>280733</v>
      </c>
      <c r="C17" s="456">
        <v>36600</v>
      </c>
      <c r="D17" s="456">
        <v>171065</v>
      </c>
      <c r="E17" s="456">
        <v>71941</v>
      </c>
      <c r="F17" s="456">
        <v>1127</v>
      </c>
      <c r="G17" s="456">
        <v>279219</v>
      </c>
      <c r="H17" s="456">
        <v>36643</v>
      </c>
      <c r="I17" s="456">
        <v>170536</v>
      </c>
      <c r="J17" s="456">
        <v>70913</v>
      </c>
      <c r="K17" s="1145">
        <v>1127</v>
      </c>
      <c r="L17" s="457">
        <v>1514</v>
      </c>
      <c r="M17" s="456">
        <v>-43</v>
      </c>
      <c r="N17" s="456">
        <v>529</v>
      </c>
      <c r="O17" s="456">
        <v>1028</v>
      </c>
      <c r="P17" s="447" t="s">
        <v>362</v>
      </c>
      <c r="Q17" s="458">
        <v>0.5</v>
      </c>
      <c r="R17" s="459">
        <v>-0.1</v>
      </c>
      <c r="S17" s="459">
        <v>0.3</v>
      </c>
      <c r="T17" s="460">
        <v>1.4</v>
      </c>
      <c r="U17" s="461" t="s">
        <v>360</v>
      </c>
      <c r="V17" s="459">
        <v>13.1</v>
      </c>
      <c r="W17" s="459">
        <v>61.2</v>
      </c>
      <c r="X17" s="459">
        <v>25.7</v>
      </c>
      <c r="Y17" s="466">
        <v>46.03</v>
      </c>
      <c r="Z17" s="460">
        <v>196.6</v>
      </c>
      <c r="AA17" s="462"/>
    </row>
    <row r="18" spans="1:27" ht="12.6" customHeight="1">
      <c r="A18" s="465" t="s">
        <v>375</v>
      </c>
      <c r="B18" s="456">
        <v>213751</v>
      </c>
      <c r="C18" s="456">
        <v>23789</v>
      </c>
      <c r="D18" s="456">
        <v>128433</v>
      </c>
      <c r="E18" s="456">
        <v>60904</v>
      </c>
      <c r="F18" s="456">
        <v>625</v>
      </c>
      <c r="G18" s="456">
        <v>213891</v>
      </c>
      <c r="H18" s="456">
        <v>24213</v>
      </c>
      <c r="I18" s="456">
        <v>128469</v>
      </c>
      <c r="J18" s="456">
        <v>60584</v>
      </c>
      <c r="K18" s="1145">
        <v>625</v>
      </c>
      <c r="L18" s="457">
        <v>-140</v>
      </c>
      <c r="M18" s="456">
        <v>-424</v>
      </c>
      <c r="N18" s="456">
        <v>-36</v>
      </c>
      <c r="O18" s="456">
        <v>320</v>
      </c>
      <c r="P18" s="447" t="s">
        <v>362</v>
      </c>
      <c r="Q18" s="458">
        <v>-0.1</v>
      </c>
      <c r="R18" s="459">
        <v>-1.8</v>
      </c>
      <c r="S18" s="467">
        <v>-0.03</v>
      </c>
      <c r="T18" s="460">
        <v>0.5</v>
      </c>
      <c r="U18" s="461" t="s">
        <v>376</v>
      </c>
      <c r="V18" s="459">
        <v>11.2</v>
      </c>
      <c r="W18" s="459">
        <v>60.3</v>
      </c>
      <c r="X18" s="459">
        <v>28.6</v>
      </c>
      <c r="Y18" s="466">
        <v>48.1</v>
      </c>
      <c r="Z18" s="460">
        <v>256</v>
      </c>
      <c r="AA18" s="462"/>
    </row>
    <row r="19" spans="1:27" ht="12.6" customHeight="1">
      <c r="A19" s="465" t="s">
        <v>377</v>
      </c>
      <c r="B19" s="456">
        <v>245127</v>
      </c>
      <c r="C19" s="456">
        <v>28249</v>
      </c>
      <c r="D19" s="456">
        <v>143060</v>
      </c>
      <c r="E19" s="456">
        <v>73186</v>
      </c>
      <c r="F19" s="456">
        <v>632</v>
      </c>
      <c r="G19" s="456">
        <v>245727</v>
      </c>
      <c r="H19" s="456">
        <v>28531</v>
      </c>
      <c r="I19" s="456">
        <v>143879</v>
      </c>
      <c r="J19" s="456">
        <v>72685</v>
      </c>
      <c r="K19" s="1145">
        <v>632</v>
      </c>
      <c r="L19" s="457">
        <v>-600</v>
      </c>
      <c r="M19" s="456">
        <v>-282</v>
      </c>
      <c r="N19" s="456">
        <v>-819</v>
      </c>
      <c r="O19" s="456">
        <v>501</v>
      </c>
      <c r="P19" s="447" t="s">
        <v>364</v>
      </c>
      <c r="Q19" s="458">
        <v>-0.2</v>
      </c>
      <c r="R19" s="459">
        <v>-1</v>
      </c>
      <c r="S19" s="459">
        <v>-0.6</v>
      </c>
      <c r="T19" s="460">
        <v>0.7</v>
      </c>
      <c r="U19" s="461" t="s">
        <v>376</v>
      </c>
      <c r="V19" s="459">
        <v>11.6</v>
      </c>
      <c r="W19" s="459">
        <v>58.5</v>
      </c>
      <c r="X19" s="459">
        <v>29.9</v>
      </c>
      <c r="Y19" s="466">
        <v>48.5</v>
      </c>
      <c r="Z19" s="460">
        <v>259.10000000000002</v>
      </c>
      <c r="AA19" s="462"/>
    </row>
    <row r="20" spans="1:27" ht="12.6" customHeight="1">
      <c r="A20" s="465" t="s">
        <v>378</v>
      </c>
      <c r="B20" s="456">
        <v>182495</v>
      </c>
      <c r="C20" s="456">
        <v>23267</v>
      </c>
      <c r="D20" s="456">
        <v>113792</v>
      </c>
      <c r="E20" s="456">
        <v>44588</v>
      </c>
      <c r="F20" s="456">
        <v>848</v>
      </c>
      <c r="G20" s="456">
        <v>181582</v>
      </c>
      <c r="H20" s="456">
        <v>23518</v>
      </c>
      <c r="I20" s="456">
        <v>113420</v>
      </c>
      <c r="J20" s="456">
        <v>43796</v>
      </c>
      <c r="K20" s="1145">
        <v>848</v>
      </c>
      <c r="L20" s="457">
        <v>913</v>
      </c>
      <c r="M20" s="456">
        <v>-251</v>
      </c>
      <c r="N20" s="456">
        <v>372</v>
      </c>
      <c r="O20" s="456">
        <v>792</v>
      </c>
      <c r="P20" s="447" t="s">
        <v>364</v>
      </c>
      <c r="Q20" s="458">
        <v>0.5</v>
      </c>
      <c r="R20" s="459">
        <v>-1.1000000000000001</v>
      </c>
      <c r="S20" s="459">
        <v>0.3</v>
      </c>
      <c r="T20" s="460">
        <v>1.8</v>
      </c>
      <c r="U20" s="461" t="s">
        <v>360</v>
      </c>
      <c r="V20" s="459">
        <v>12.8</v>
      </c>
      <c r="W20" s="459">
        <v>62.6</v>
      </c>
      <c r="X20" s="459">
        <v>24.5</v>
      </c>
      <c r="Y20" s="466">
        <v>45.63</v>
      </c>
      <c r="Z20" s="460">
        <v>191.6</v>
      </c>
      <c r="AA20" s="462"/>
    </row>
    <row r="21" spans="1:27" ht="12.6" customHeight="1">
      <c r="A21" s="465" t="s">
        <v>379</v>
      </c>
      <c r="B21" s="456">
        <v>122004</v>
      </c>
      <c r="C21" s="456">
        <v>14516</v>
      </c>
      <c r="D21" s="456">
        <v>72680</v>
      </c>
      <c r="E21" s="456">
        <v>34397</v>
      </c>
      <c r="F21" s="456">
        <v>411</v>
      </c>
      <c r="G21" s="456">
        <v>122647</v>
      </c>
      <c r="H21" s="456">
        <v>15007</v>
      </c>
      <c r="I21" s="456">
        <v>73061</v>
      </c>
      <c r="J21" s="456">
        <v>34168</v>
      </c>
      <c r="K21" s="1145">
        <v>411</v>
      </c>
      <c r="L21" s="457">
        <v>-643</v>
      </c>
      <c r="M21" s="456">
        <v>-491</v>
      </c>
      <c r="N21" s="456">
        <v>-381</v>
      </c>
      <c r="O21" s="456">
        <v>229</v>
      </c>
      <c r="P21" s="447" t="s">
        <v>362</v>
      </c>
      <c r="Q21" s="458">
        <v>-0.5</v>
      </c>
      <c r="R21" s="459">
        <v>-3.3</v>
      </c>
      <c r="S21" s="459">
        <v>-0.5</v>
      </c>
      <c r="T21" s="460">
        <v>0.7</v>
      </c>
      <c r="U21" s="461" t="s">
        <v>366</v>
      </c>
      <c r="V21" s="459">
        <v>11.9</v>
      </c>
      <c r="W21" s="459">
        <v>59.8</v>
      </c>
      <c r="X21" s="459">
        <v>28.3</v>
      </c>
      <c r="Y21" s="466">
        <v>47.51</v>
      </c>
      <c r="Z21" s="460">
        <v>237</v>
      </c>
      <c r="AA21" s="462"/>
    </row>
    <row r="22" spans="1:27" ht="12.6" customHeight="1">
      <c r="A22" s="465" t="s">
        <v>380</v>
      </c>
      <c r="B22" s="456">
        <v>119612</v>
      </c>
      <c r="C22" s="456">
        <v>13582</v>
      </c>
      <c r="D22" s="456">
        <v>68234</v>
      </c>
      <c r="E22" s="456">
        <v>37347</v>
      </c>
      <c r="F22" s="456">
        <v>449</v>
      </c>
      <c r="G22" s="456">
        <v>120048</v>
      </c>
      <c r="H22" s="456">
        <v>13979</v>
      </c>
      <c r="I22" s="456">
        <v>68423</v>
      </c>
      <c r="J22" s="456">
        <v>37197</v>
      </c>
      <c r="K22" s="1145">
        <v>449</v>
      </c>
      <c r="L22" s="457">
        <v>-436</v>
      </c>
      <c r="M22" s="456">
        <v>-397</v>
      </c>
      <c r="N22" s="456">
        <v>-189</v>
      </c>
      <c r="O22" s="456">
        <v>150</v>
      </c>
      <c r="P22" s="447" t="s">
        <v>364</v>
      </c>
      <c r="Q22" s="458">
        <v>-0.4</v>
      </c>
      <c r="R22" s="459">
        <v>-2.8</v>
      </c>
      <c r="S22" s="459">
        <v>-0.3</v>
      </c>
      <c r="T22" s="460">
        <v>0.4</v>
      </c>
      <c r="U22" s="461" t="s">
        <v>360</v>
      </c>
      <c r="V22" s="459">
        <v>11.4</v>
      </c>
      <c r="W22" s="459">
        <v>57.3</v>
      </c>
      <c r="X22" s="459">
        <v>31.3</v>
      </c>
      <c r="Y22" s="466">
        <v>48.88</v>
      </c>
      <c r="Z22" s="460">
        <v>275</v>
      </c>
      <c r="AA22" s="462"/>
    </row>
    <row r="23" spans="1:27" ht="12.6" customHeight="1">
      <c r="A23" s="465" t="s">
        <v>381</v>
      </c>
      <c r="B23" s="456">
        <v>151830</v>
      </c>
      <c r="C23" s="456">
        <v>17967</v>
      </c>
      <c r="D23" s="456">
        <v>89241</v>
      </c>
      <c r="E23" s="456">
        <v>44236</v>
      </c>
      <c r="F23" s="456">
        <v>386</v>
      </c>
      <c r="G23" s="456">
        <v>152296</v>
      </c>
      <c r="H23" s="456">
        <v>18456</v>
      </c>
      <c r="I23" s="456">
        <v>89719</v>
      </c>
      <c r="J23" s="456">
        <v>43735</v>
      </c>
      <c r="K23" s="1145">
        <v>386</v>
      </c>
      <c r="L23" s="457">
        <v>-466</v>
      </c>
      <c r="M23" s="456">
        <v>-489</v>
      </c>
      <c r="N23" s="456">
        <v>-478</v>
      </c>
      <c r="O23" s="456">
        <v>501</v>
      </c>
      <c r="P23" s="447" t="s">
        <v>382</v>
      </c>
      <c r="Q23" s="458">
        <v>-0.3</v>
      </c>
      <c r="R23" s="459">
        <v>-2.6</v>
      </c>
      <c r="S23" s="459">
        <v>-0.5</v>
      </c>
      <c r="T23" s="460">
        <v>1.1000000000000001</v>
      </c>
      <c r="U23" s="461" t="s">
        <v>360</v>
      </c>
      <c r="V23" s="459">
        <v>11.9</v>
      </c>
      <c r="W23" s="459">
        <v>58.9</v>
      </c>
      <c r="X23" s="459">
        <v>29.2</v>
      </c>
      <c r="Y23" s="466">
        <v>48.08</v>
      </c>
      <c r="Z23" s="460">
        <v>246.2</v>
      </c>
      <c r="AA23" s="462"/>
    </row>
    <row r="24" spans="1:27" ht="12.6" customHeight="1">
      <c r="A24" s="465" t="s">
        <v>383</v>
      </c>
      <c r="B24" s="456">
        <v>310387</v>
      </c>
      <c r="C24" s="456">
        <v>39400</v>
      </c>
      <c r="D24" s="456">
        <v>201803</v>
      </c>
      <c r="E24" s="456">
        <v>67779</v>
      </c>
      <c r="F24" s="456">
        <v>1405</v>
      </c>
      <c r="G24" s="456">
        <v>309893</v>
      </c>
      <c r="H24" s="456">
        <v>40102</v>
      </c>
      <c r="I24" s="456">
        <v>201849</v>
      </c>
      <c r="J24" s="456">
        <v>66537</v>
      </c>
      <c r="K24" s="1145">
        <v>1405</v>
      </c>
      <c r="L24" s="457">
        <v>494</v>
      </c>
      <c r="M24" s="456">
        <v>-702</v>
      </c>
      <c r="N24" s="456">
        <v>-46</v>
      </c>
      <c r="O24" s="456">
        <v>1242</v>
      </c>
      <c r="P24" s="447" t="s">
        <v>364</v>
      </c>
      <c r="Q24" s="458">
        <v>0.2</v>
      </c>
      <c r="R24" s="459">
        <v>-1.8</v>
      </c>
      <c r="S24" s="467">
        <v>-0.02</v>
      </c>
      <c r="T24" s="460">
        <v>1.9</v>
      </c>
      <c r="U24" s="461" t="s">
        <v>376</v>
      </c>
      <c r="V24" s="459">
        <v>12.8</v>
      </c>
      <c r="W24" s="459">
        <v>65.3</v>
      </c>
      <c r="X24" s="459">
        <v>21.9</v>
      </c>
      <c r="Y24" s="466">
        <v>44.88</v>
      </c>
      <c r="Z24" s="460">
        <v>172</v>
      </c>
      <c r="AA24" s="462"/>
    </row>
    <row r="25" spans="1:27" ht="12.6" customHeight="1">
      <c r="A25" s="465" t="s">
        <v>384</v>
      </c>
      <c r="B25" s="456">
        <v>212642</v>
      </c>
      <c r="C25" s="456">
        <v>32340</v>
      </c>
      <c r="D25" s="456">
        <v>140961</v>
      </c>
      <c r="E25" s="456">
        <v>38538</v>
      </c>
      <c r="F25" s="456">
        <v>803</v>
      </c>
      <c r="G25" s="456">
        <v>211550</v>
      </c>
      <c r="H25" s="456">
        <v>32901</v>
      </c>
      <c r="I25" s="456">
        <v>140154</v>
      </c>
      <c r="J25" s="456">
        <v>37692</v>
      </c>
      <c r="K25" s="1145">
        <v>803</v>
      </c>
      <c r="L25" s="457">
        <v>1092</v>
      </c>
      <c r="M25" s="456">
        <v>-561</v>
      </c>
      <c r="N25" s="456">
        <v>807</v>
      </c>
      <c r="O25" s="456">
        <v>846</v>
      </c>
      <c r="P25" s="447" t="s">
        <v>362</v>
      </c>
      <c r="Q25" s="458">
        <v>0.5</v>
      </c>
      <c r="R25" s="459">
        <v>-1.7</v>
      </c>
      <c r="S25" s="459">
        <v>0.6</v>
      </c>
      <c r="T25" s="460">
        <v>2.2000000000000002</v>
      </c>
      <c r="U25" s="461" t="s">
        <v>360</v>
      </c>
      <c r="V25" s="459">
        <v>15.3</v>
      </c>
      <c r="W25" s="459">
        <v>66.5</v>
      </c>
      <c r="X25" s="459">
        <v>18.2</v>
      </c>
      <c r="Y25" s="466">
        <v>42.63</v>
      </c>
      <c r="Z25" s="460">
        <v>119.2</v>
      </c>
      <c r="AA25" s="462"/>
    </row>
    <row r="26" spans="1:27" s="165" customFormat="1" ht="9" customHeight="1">
      <c r="A26" s="468"/>
      <c r="B26" s="456"/>
      <c r="C26" s="456"/>
      <c r="D26" s="456"/>
      <c r="E26" s="456"/>
      <c r="F26" s="456"/>
      <c r="G26" s="456"/>
      <c r="H26" s="456"/>
      <c r="I26" s="456"/>
      <c r="J26" s="456"/>
      <c r="K26" s="1145"/>
      <c r="L26" s="457"/>
      <c r="M26" s="456"/>
      <c r="N26" s="456"/>
      <c r="O26" s="456"/>
      <c r="P26" s="447"/>
      <c r="Q26" s="458"/>
      <c r="R26" s="459"/>
      <c r="S26" s="459"/>
      <c r="T26" s="460"/>
      <c r="U26" s="461"/>
      <c r="V26" s="459"/>
      <c r="W26" s="459"/>
      <c r="X26" s="459"/>
      <c r="Y26" s="466"/>
      <c r="Z26" s="460"/>
      <c r="AA26" s="462"/>
    </row>
    <row r="27" spans="1:27" s="464" customFormat="1" ht="12.6" customHeight="1">
      <c r="A27" s="469" t="s">
        <v>385</v>
      </c>
      <c r="B27" s="447">
        <v>1531646</v>
      </c>
      <c r="C27" s="470">
        <v>186841</v>
      </c>
      <c r="D27" s="470">
        <v>1004677</v>
      </c>
      <c r="E27" s="470">
        <v>301508</v>
      </c>
      <c r="F27" s="470">
        <v>38620</v>
      </c>
      <c r="G27" s="470">
        <v>1517756</v>
      </c>
      <c r="H27" s="470">
        <v>186588</v>
      </c>
      <c r="I27" s="470">
        <v>994561</v>
      </c>
      <c r="J27" s="470">
        <v>297987</v>
      </c>
      <c r="K27" s="1146">
        <v>38620</v>
      </c>
      <c r="L27" s="448">
        <v>13890</v>
      </c>
      <c r="M27" s="470">
        <v>253</v>
      </c>
      <c r="N27" s="470">
        <v>10116</v>
      </c>
      <c r="O27" s="470">
        <v>3521</v>
      </c>
      <c r="P27" s="471" t="s">
        <v>364</v>
      </c>
      <c r="Q27" s="472">
        <v>0.9</v>
      </c>
      <c r="R27" s="473">
        <v>0.1</v>
      </c>
      <c r="S27" s="473">
        <v>1</v>
      </c>
      <c r="T27" s="474">
        <v>1.2</v>
      </c>
      <c r="U27" s="452" t="s">
        <v>360</v>
      </c>
      <c r="V27" s="473">
        <v>12.5</v>
      </c>
      <c r="W27" s="473">
        <v>67.3</v>
      </c>
      <c r="X27" s="473">
        <v>20.2</v>
      </c>
      <c r="Y27" s="475">
        <v>43.56</v>
      </c>
      <c r="Z27" s="474">
        <v>161.4</v>
      </c>
      <c r="AA27" s="476"/>
    </row>
    <row r="28" spans="1:27" ht="12.6" customHeight="1">
      <c r="A28" s="465" t="s">
        <v>386</v>
      </c>
      <c r="B28" s="456">
        <v>233004</v>
      </c>
      <c r="C28" s="477">
        <v>25714</v>
      </c>
      <c r="D28" s="477">
        <v>154171</v>
      </c>
      <c r="E28" s="477">
        <v>50735</v>
      </c>
      <c r="F28" s="477">
        <v>2384</v>
      </c>
      <c r="G28" s="456">
        <v>231633</v>
      </c>
      <c r="H28" s="456">
        <v>25939</v>
      </c>
      <c r="I28" s="456">
        <v>152693</v>
      </c>
      <c r="J28" s="456">
        <v>50617</v>
      </c>
      <c r="K28" s="1145">
        <v>2384</v>
      </c>
      <c r="L28" s="457">
        <v>1371</v>
      </c>
      <c r="M28" s="456">
        <v>-225</v>
      </c>
      <c r="N28" s="456">
        <v>1478</v>
      </c>
      <c r="O28" s="456">
        <v>118</v>
      </c>
      <c r="P28" s="447" t="s">
        <v>364</v>
      </c>
      <c r="Q28" s="458">
        <v>0.6</v>
      </c>
      <c r="R28" s="459">
        <v>-0.9</v>
      </c>
      <c r="S28" s="459">
        <v>1</v>
      </c>
      <c r="T28" s="460">
        <v>0.2</v>
      </c>
      <c r="U28" s="461" t="s">
        <v>366</v>
      </c>
      <c r="V28" s="459">
        <v>11.1</v>
      </c>
      <c r="W28" s="459">
        <v>66.900000000000006</v>
      </c>
      <c r="X28" s="459">
        <v>22</v>
      </c>
      <c r="Y28" s="466">
        <v>44.61</v>
      </c>
      <c r="Z28" s="460">
        <v>197.3</v>
      </c>
      <c r="AA28" s="462"/>
    </row>
    <row r="29" spans="1:27" ht="12.6" customHeight="1">
      <c r="A29" s="465" t="s">
        <v>387</v>
      </c>
      <c r="B29" s="456">
        <v>170775</v>
      </c>
      <c r="C29" s="477">
        <v>22265</v>
      </c>
      <c r="D29" s="477">
        <v>107143</v>
      </c>
      <c r="E29" s="477">
        <v>37313</v>
      </c>
      <c r="F29" s="477">
        <v>4054</v>
      </c>
      <c r="G29" s="456">
        <v>167191</v>
      </c>
      <c r="H29" s="456">
        <v>21730</v>
      </c>
      <c r="I29" s="456">
        <v>104454</v>
      </c>
      <c r="J29" s="456">
        <v>36953</v>
      </c>
      <c r="K29" s="1145">
        <v>4054</v>
      </c>
      <c r="L29" s="457">
        <v>3584</v>
      </c>
      <c r="M29" s="456">
        <v>535</v>
      </c>
      <c r="N29" s="456">
        <v>2689</v>
      </c>
      <c r="O29" s="456">
        <v>360</v>
      </c>
      <c r="P29" s="447" t="s">
        <v>382</v>
      </c>
      <c r="Q29" s="458">
        <v>2.1</v>
      </c>
      <c r="R29" s="459">
        <v>2.5</v>
      </c>
      <c r="S29" s="459">
        <v>2.6</v>
      </c>
      <c r="T29" s="460">
        <v>1</v>
      </c>
      <c r="U29" s="461" t="s">
        <v>360</v>
      </c>
      <c r="V29" s="459">
        <v>13.4</v>
      </c>
      <c r="W29" s="459">
        <v>64.3</v>
      </c>
      <c r="X29" s="459">
        <v>22.4</v>
      </c>
      <c r="Y29" s="466">
        <v>44.29</v>
      </c>
      <c r="Z29" s="460">
        <v>167.6</v>
      </c>
      <c r="AA29" s="462"/>
    </row>
    <row r="30" spans="1:27" ht="12.6" customHeight="1">
      <c r="A30" s="465" t="s">
        <v>388</v>
      </c>
      <c r="B30" s="456">
        <v>261950</v>
      </c>
      <c r="C30" s="477">
        <v>33784</v>
      </c>
      <c r="D30" s="477">
        <v>185368</v>
      </c>
      <c r="E30" s="477">
        <v>39434</v>
      </c>
      <c r="F30" s="477">
        <v>3364</v>
      </c>
      <c r="G30" s="456">
        <v>258542</v>
      </c>
      <c r="H30" s="456">
        <v>33469</v>
      </c>
      <c r="I30" s="456">
        <v>182761</v>
      </c>
      <c r="J30" s="456">
        <v>38948</v>
      </c>
      <c r="K30" s="1145">
        <v>3364</v>
      </c>
      <c r="L30" s="457">
        <v>3408</v>
      </c>
      <c r="M30" s="456">
        <v>315</v>
      </c>
      <c r="N30" s="456">
        <v>2607</v>
      </c>
      <c r="O30" s="456">
        <v>486</v>
      </c>
      <c r="P30" s="447" t="s">
        <v>364</v>
      </c>
      <c r="Q30" s="458">
        <v>1.3</v>
      </c>
      <c r="R30" s="459">
        <v>0.9</v>
      </c>
      <c r="S30" s="459">
        <v>1.4</v>
      </c>
      <c r="T30" s="460">
        <v>1.2</v>
      </c>
      <c r="U30" s="461" t="s">
        <v>360</v>
      </c>
      <c r="V30" s="459">
        <v>13.1</v>
      </c>
      <c r="W30" s="459">
        <v>71.7</v>
      </c>
      <c r="X30" s="459">
        <v>15.2</v>
      </c>
      <c r="Y30" s="466">
        <v>41.14</v>
      </c>
      <c r="Z30" s="460">
        <v>116.7</v>
      </c>
      <c r="AA30" s="462"/>
    </row>
    <row r="31" spans="1:27" ht="12.6" customHeight="1">
      <c r="A31" s="465" t="s">
        <v>389</v>
      </c>
      <c r="B31" s="456">
        <v>233262</v>
      </c>
      <c r="C31" s="477">
        <v>29520</v>
      </c>
      <c r="D31" s="477">
        <v>157434</v>
      </c>
      <c r="E31" s="477">
        <v>43151</v>
      </c>
      <c r="F31" s="477">
        <v>3157</v>
      </c>
      <c r="G31" s="456">
        <v>232058</v>
      </c>
      <c r="H31" s="456">
        <v>29835</v>
      </c>
      <c r="I31" s="456">
        <v>156630</v>
      </c>
      <c r="J31" s="456">
        <v>42436</v>
      </c>
      <c r="K31" s="1145">
        <v>3157</v>
      </c>
      <c r="L31" s="457">
        <v>1204</v>
      </c>
      <c r="M31" s="456">
        <v>-315</v>
      </c>
      <c r="N31" s="456">
        <v>804</v>
      </c>
      <c r="O31" s="456">
        <v>715</v>
      </c>
      <c r="P31" s="447" t="s">
        <v>364</v>
      </c>
      <c r="Q31" s="458">
        <v>0.5</v>
      </c>
      <c r="R31" s="459">
        <v>-1.1000000000000001</v>
      </c>
      <c r="S31" s="459">
        <v>0.5</v>
      </c>
      <c r="T31" s="460">
        <v>1.7</v>
      </c>
      <c r="U31" s="461" t="s">
        <v>360</v>
      </c>
      <c r="V31" s="459">
        <v>12.8</v>
      </c>
      <c r="W31" s="459">
        <v>68.400000000000006</v>
      </c>
      <c r="X31" s="459">
        <v>18.8</v>
      </c>
      <c r="Y31" s="466">
        <v>42.88</v>
      </c>
      <c r="Z31" s="460">
        <v>146.19999999999999</v>
      </c>
      <c r="AA31" s="462"/>
    </row>
    <row r="32" spans="1:27" ht="12.6" customHeight="1">
      <c r="A32" s="465" t="s">
        <v>390</v>
      </c>
      <c r="B32" s="456">
        <v>220015</v>
      </c>
      <c r="C32" s="477">
        <v>23258</v>
      </c>
      <c r="D32" s="477">
        <v>150916</v>
      </c>
      <c r="E32" s="477">
        <v>42703</v>
      </c>
      <c r="F32" s="477">
        <v>3138</v>
      </c>
      <c r="G32" s="456">
        <v>218124</v>
      </c>
      <c r="H32" s="456">
        <v>23245</v>
      </c>
      <c r="I32" s="456">
        <v>149480</v>
      </c>
      <c r="J32" s="456">
        <v>42261</v>
      </c>
      <c r="K32" s="1145">
        <v>3138</v>
      </c>
      <c r="L32" s="457">
        <v>1891</v>
      </c>
      <c r="M32" s="456">
        <v>13</v>
      </c>
      <c r="N32" s="456">
        <v>1436</v>
      </c>
      <c r="O32" s="456">
        <v>442</v>
      </c>
      <c r="P32" s="447" t="s">
        <v>362</v>
      </c>
      <c r="Q32" s="458">
        <v>0.9</v>
      </c>
      <c r="R32" s="459">
        <v>0.1</v>
      </c>
      <c r="S32" s="459">
        <v>1</v>
      </c>
      <c r="T32" s="460">
        <v>1</v>
      </c>
      <c r="U32" s="461" t="s">
        <v>391</v>
      </c>
      <c r="V32" s="459">
        <v>10.7</v>
      </c>
      <c r="W32" s="459">
        <v>69.599999999999994</v>
      </c>
      <c r="X32" s="459">
        <v>19.7</v>
      </c>
      <c r="Y32" s="466">
        <v>43.39</v>
      </c>
      <c r="Z32" s="460">
        <v>183.6</v>
      </c>
      <c r="AA32" s="462"/>
    </row>
    <row r="33" spans="1:27" ht="12.6" customHeight="1">
      <c r="A33" s="465" t="s">
        <v>392</v>
      </c>
      <c r="B33" s="456">
        <v>232533</v>
      </c>
      <c r="C33" s="477">
        <v>29136</v>
      </c>
      <c r="D33" s="477">
        <v>136212</v>
      </c>
      <c r="E33" s="477">
        <v>46009</v>
      </c>
      <c r="F33" s="477">
        <v>21176</v>
      </c>
      <c r="G33" s="456">
        <v>231325</v>
      </c>
      <c r="H33" s="456">
        <v>29030</v>
      </c>
      <c r="I33" s="456">
        <v>135837</v>
      </c>
      <c r="J33" s="456">
        <v>45282</v>
      </c>
      <c r="K33" s="1145">
        <v>21176</v>
      </c>
      <c r="L33" s="457">
        <v>1208</v>
      </c>
      <c r="M33" s="456">
        <v>106</v>
      </c>
      <c r="N33" s="456">
        <v>375</v>
      </c>
      <c r="O33" s="456">
        <v>727</v>
      </c>
      <c r="P33" s="447" t="s">
        <v>364</v>
      </c>
      <c r="Q33" s="458">
        <v>0.5</v>
      </c>
      <c r="R33" s="459">
        <v>0.4</v>
      </c>
      <c r="S33" s="459">
        <v>0.3</v>
      </c>
      <c r="T33" s="460">
        <v>1.6</v>
      </c>
      <c r="U33" s="461" t="s">
        <v>360</v>
      </c>
      <c r="V33" s="459">
        <v>13.8</v>
      </c>
      <c r="W33" s="459">
        <v>64.400000000000006</v>
      </c>
      <c r="X33" s="459">
        <v>21.8</v>
      </c>
      <c r="Y33" s="466">
        <v>44.23</v>
      </c>
      <c r="Z33" s="460">
        <v>157.9</v>
      </c>
      <c r="AA33" s="462"/>
    </row>
    <row r="34" spans="1:27" ht="12.6" customHeight="1">
      <c r="A34" s="465" t="s">
        <v>393</v>
      </c>
      <c r="B34" s="456">
        <v>180107</v>
      </c>
      <c r="C34" s="477">
        <v>23164</v>
      </c>
      <c r="D34" s="477">
        <v>113433</v>
      </c>
      <c r="E34" s="477">
        <v>42163</v>
      </c>
      <c r="F34" s="477">
        <v>1347</v>
      </c>
      <c r="G34" s="456">
        <v>178883</v>
      </c>
      <c r="H34" s="456">
        <v>23340</v>
      </c>
      <c r="I34" s="456">
        <v>112706</v>
      </c>
      <c r="J34" s="456">
        <v>41490</v>
      </c>
      <c r="K34" s="1145">
        <v>1347</v>
      </c>
      <c r="L34" s="457">
        <v>1224</v>
      </c>
      <c r="M34" s="456">
        <v>-176</v>
      </c>
      <c r="N34" s="456">
        <v>727</v>
      </c>
      <c r="O34" s="456">
        <v>673</v>
      </c>
      <c r="P34" s="447" t="s">
        <v>362</v>
      </c>
      <c r="Q34" s="458">
        <v>0.7</v>
      </c>
      <c r="R34" s="459">
        <v>-0.8</v>
      </c>
      <c r="S34" s="459">
        <v>0.6</v>
      </c>
      <c r="T34" s="460">
        <v>1.6</v>
      </c>
      <c r="U34" s="461" t="s">
        <v>376</v>
      </c>
      <c r="V34" s="459">
        <v>13</v>
      </c>
      <c r="W34" s="459">
        <v>63.5</v>
      </c>
      <c r="X34" s="459">
        <v>23.6</v>
      </c>
      <c r="Y34" s="466">
        <v>45.31</v>
      </c>
      <c r="Z34" s="460">
        <v>182</v>
      </c>
      <c r="AA34" s="462"/>
    </row>
    <row r="35" spans="1:27" ht="9" customHeight="1">
      <c r="A35" s="478"/>
      <c r="B35" s="456"/>
      <c r="C35" s="456"/>
      <c r="D35" s="456"/>
      <c r="E35" s="456"/>
      <c r="F35" s="456"/>
      <c r="G35" s="456"/>
      <c r="H35" s="456"/>
      <c r="I35" s="456"/>
      <c r="J35" s="456"/>
      <c r="K35" s="1145"/>
      <c r="L35" s="457"/>
      <c r="M35" s="456"/>
      <c r="N35" s="456"/>
      <c r="O35" s="456"/>
      <c r="P35" s="447"/>
      <c r="Q35" s="458"/>
      <c r="R35" s="459"/>
      <c r="S35" s="459"/>
      <c r="T35" s="460"/>
      <c r="U35" s="461"/>
      <c r="V35" s="459"/>
      <c r="W35" s="459"/>
      <c r="X35" s="459"/>
      <c r="Y35" s="462"/>
      <c r="Z35" s="460"/>
      <c r="AA35" s="462"/>
    </row>
    <row r="36" spans="1:27" ht="12.6" customHeight="1">
      <c r="A36" s="479" t="s">
        <v>394</v>
      </c>
      <c r="B36" s="447">
        <v>696219</v>
      </c>
      <c r="C36" s="447">
        <v>75731</v>
      </c>
      <c r="D36" s="447">
        <v>394693</v>
      </c>
      <c r="E36" s="447">
        <v>223116</v>
      </c>
      <c r="F36" s="447">
        <v>2679</v>
      </c>
      <c r="G36" s="447">
        <v>701110</v>
      </c>
      <c r="H36" s="447">
        <v>77276</v>
      </c>
      <c r="I36" s="447">
        <v>398095</v>
      </c>
      <c r="J36" s="447">
        <v>223060</v>
      </c>
      <c r="K36" s="1144">
        <v>2679</v>
      </c>
      <c r="L36" s="448">
        <v>-4891</v>
      </c>
      <c r="M36" s="447">
        <v>-1545</v>
      </c>
      <c r="N36" s="447">
        <v>-3402</v>
      </c>
      <c r="O36" s="447">
        <v>56</v>
      </c>
      <c r="P36" s="447" t="s">
        <v>364</v>
      </c>
      <c r="Q36" s="449">
        <v>-0.7</v>
      </c>
      <c r="R36" s="450">
        <v>-2</v>
      </c>
      <c r="S36" s="450">
        <v>-0.9</v>
      </c>
      <c r="T36" s="451">
        <v>0</v>
      </c>
      <c r="U36" s="452" t="s">
        <v>360</v>
      </c>
      <c r="V36" s="450">
        <v>10.9</v>
      </c>
      <c r="W36" s="450">
        <v>56.9</v>
      </c>
      <c r="X36" s="450">
        <v>32.200000000000003</v>
      </c>
      <c r="Y36" s="453">
        <v>49.68</v>
      </c>
      <c r="Z36" s="451">
        <v>294.60000000000002</v>
      </c>
      <c r="AA36" s="454"/>
    </row>
    <row r="37" spans="1:27" ht="12.6" customHeight="1">
      <c r="A37" s="478" t="s">
        <v>395</v>
      </c>
      <c r="B37" s="456">
        <v>393025</v>
      </c>
      <c r="C37" s="456">
        <v>41882</v>
      </c>
      <c r="D37" s="456">
        <v>225183</v>
      </c>
      <c r="E37" s="456">
        <v>124517</v>
      </c>
      <c r="F37" s="456">
        <v>1443</v>
      </c>
      <c r="G37" s="456">
        <v>396971</v>
      </c>
      <c r="H37" s="456">
        <v>42974</v>
      </c>
      <c r="I37" s="456">
        <v>228149</v>
      </c>
      <c r="J37" s="456">
        <v>124405</v>
      </c>
      <c r="K37" s="1145">
        <v>1443</v>
      </c>
      <c r="L37" s="457">
        <v>-3946</v>
      </c>
      <c r="M37" s="456">
        <v>-1092</v>
      </c>
      <c r="N37" s="456">
        <v>-2966</v>
      </c>
      <c r="O37" s="456">
        <v>112</v>
      </c>
      <c r="P37" s="447" t="s">
        <v>364</v>
      </c>
      <c r="Q37" s="458">
        <v>-1</v>
      </c>
      <c r="R37" s="459">
        <v>-2.5</v>
      </c>
      <c r="S37" s="459">
        <v>-1.3</v>
      </c>
      <c r="T37" s="460">
        <v>0.1</v>
      </c>
      <c r="U37" s="461" t="s">
        <v>360</v>
      </c>
      <c r="V37" s="459">
        <v>10.7</v>
      </c>
      <c r="W37" s="459">
        <v>57.5</v>
      </c>
      <c r="X37" s="459">
        <v>31.8</v>
      </c>
      <c r="Y37" s="466">
        <v>49.16</v>
      </c>
      <c r="Z37" s="460">
        <v>297.3</v>
      </c>
      <c r="AA37" s="462"/>
    </row>
    <row r="38" spans="1:27" ht="12.6" customHeight="1">
      <c r="A38" s="478" t="s">
        <v>396</v>
      </c>
      <c r="B38" s="456">
        <v>172293</v>
      </c>
      <c r="C38" s="456">
        <v>19690</v>
      </c>
      <c r="D38" s="456">
        <v>98729</v>
      </c>
      <c r="E38" s="456">
        <v>53517</v>
      </c>
      <c r="F38" s="456">
        <v>357</v>
      </c>
      <c r="G38" s="456">
        <v>172254</v>
      </c>
      <c r="H38" s="456">
        <v>19853</v>
      </c>
      <c r="I38" s="456">
        <v>98431</v>
      </c>
      <c r="J38" s="456">
        <v>53613</v>
      </c>
      <c r="K38" s="1145">
        <v>357</v>
      </c>
      <c r="L38" s="457">
        <v>39</v>
      </c>
      <c r="M38" s="456">
        <v>-163</v>
      </c>
      <c r="N38" s="456">
        <v>298</v>
      </c>
      <c r="O38" s="456">
        <v>-96</v>
      </c>
      <c r="P38" s="447" t="s">
        <v>362</v>
      </c>
      <c r="Q38" s="480">
        <v>0.02</v>
      </c>
      <c r="R38" s="459">
        <v>-0.8</v>
      </c>
      <c r="S38" s="459">
        <v>0.3</v>
      </c>
      <c r="T38" s="460">
        <v>-0.2</v>
      </c>
      <c r="U38" s="461" t="s">
        <v>360</v>
      </c>
      <c r="V38" s="459">
        <v>11.5</v>
      </c>
      <c r="W38" s="459">
        <v>57.4</v>
      </c>
      <c r="X38" s="459">
        <v>31.1</v>
      </c>
      <c r="Y38" s="466">
        <v>49.71</v>
      </c>
      <c r="Z38" s="460">
        <v>271.8</v>
      </c>
      <c r="AA38" s="462"/>
    </row>
    <row r="39" spans="1:27" ht="12.6" customHeight="1">
      <c r="A39" s="478" t="s">
        <v>397</v>
      </c>
      <c r="B39" s="456">
        <v>56969</v>
      </c>
      <c r="C39" s="456">
        <v>6613</v>
      </c>
      <c r="D39" s="456">
        <v>32067</v>
      </c>
      <c r="E39" s="456">
        <v>18108</v>
      </c>
      <c r="F39" s="456">
        <v>181</v>
      </c>
      <c r="G39" s="456">
        <v>57017</v>
      </c>
      <c r="H39" s="456">
        <v>6652</v>
      </c>
      <c r="I39" s="456">
        <v>32038</v>
      </c>
      <c r="J39" s="456">
        <v>18146</v>
      </c>
      <c r="K39" s="1145">
        <v>181</v>
      </c>
      <c r="L39" s="457">
        <v>-48</v>
      </c>
      <c r="M39" s="456">
        <v>-39</v>
      </c>
      <c r="N39" s="456">
        <v>29</v>
      </c>
      <c r="O39" s="456">
        <v>-38</v>
      </c>
      <c r="P39" s="447" t="s">
        <v>364</v>
      </c>
      <c r="Q39" s="458">
        <v>-0.1</v>
      </c>
      <c r="R39" s="459">
        <v>-0.6</v>
      </c>
      <c r="S39" s="459">
        <v>0.1</v>
      </c>
      <c r="T39" s="460">
        <v>-0.2</v>
      </c>
      <c r="U39" s="461" t="s">
        <v>360</v>
      </c>
      <c r="V39" s="459">
        <v>11.6</v>
      </c>
      <c r="W39" s="459">
        <v>56.5</v>
      </c>
      <c r="X39" s="459">
        <v>31.9</v>
      </c>
      <c r="Y39" s="466">
        <v>50</v>
      </c>
      <c r="Z39" s="460">
        <v>273.8</v>
      </c>
      <c r="AA39" s="462"/>
    </row>
    <row r="40" spans="1:27" ht="12.6" customHeight="1">
      <c r="A40" s="478" t="s">
        <v>398</v>
      </c>
      <c r="B40" s="456">
        <v>42308</v>
      </c>
      <c r="C40" s="456">
        <v>3580</v>
      </c>
      <c r="D40" s="456">
        <v>21732</v>
      </c>
      <c r="E40" s="456">
        <v>16974</v>
      </c>
      <c r="F40" s="456">
        <v>22</v>
      </c>
      <c r="G40" s="456">
        <v>43042</v>
      </c>
      <c r="H40" s="456">
        <v>3776</v>
      </c>
      <c r="I40" s="456">
        <v>22368</v>
      </c>
      <c r="J40" s="456">
        <v>16876</v>
      </c>
      <c r="K40" s="1145">
        <v>22</v>
      </c>
      <c r="L40" s="457">
        <v>-734</v>
      </c>
      <c r="M40" s="456">
        <v>-196</v>
      </c>
      <c r="N40" s="456">
        <v>-636</v>
      </c>
      <c r="O40" s="456">
        <v>98</v>
      </c>
      <c r="P40" s="447" t="s">
        <v>382</v>
      </c>
      <c r="Q40" s="458">
        <v>-1.7</v>
      </c>
      <c r="R40" s="459">
        <v>-5.2</v>
      </c>
      <c r="S40" s="459">
        <v>-2.8</v>
      </c>
      <c r="T40" s="460">
        <v>0.6</v>
      </c>
      <c r="U40" s="461" t="s">
        <v>360</v>
      </c>
      <c r="V40" s="459">
        <v>8.5</v>
      </c>
      <c r="W40" s="459">
        <v>51.4</v>
      </c>
      <c r="X40" s="459">
        <v>40.1</v>
      </c>
      <c r="Y40" s="466">
        <v>53.83</v>
      </c>
      <c r="Z40" s="460">
        <v>474.1</v>
      </c>
      <c r="AA40" s="462"/>
    </row>
    <row r="41" spans="1:27" ht="12.6" customHeight="1">
      <c r="A41" s="478" t="s">
        <v>399</v>
      </c>
      <c r="B41" s="456">
        <v>31624</v>
      </c>
      <c r="C41" s="456">
        <v>3966</v>
      </c>
      <c r="D41" s="456">
        <v>16982</v>
      </c>
      <c r="E41" s="456">
        <v>10000</v>
      </c>
      <c r="F41" s="456">
        <v>676</v>
      </c>
      <c r="G41" s="456">
        <v>31826</v>
      </c>
      <c r="H41" s="456">
        <v>4021</v>
      </c>
      <c r="I41" s="456">
        <v>17109</v>
      </c>
      <c r="J41" s="456">
        <v>10020</v>
      </c>
      <c r="K41" s="1145">
        <v>676</v>
      </c>
      <c r="L41" s="457">
        <v>-202</v>
      </c>
      <c r="M41" s="456">
        <v>-55</v>
      </c>
      <c r="N41" s="456">
        <v>-127</v>
      </c>
      <c r="O41" s="456">
        <v>-20</v>
      </c>
      <c r="P41" s="447" t="s">
        <v>400</v>
      </c>
      <c r="Q41" s="458">
        <v>-0.6</v>
      </c>
      <c r="R41" s="459">
        <v>-1.4</v>
      </c>
      <c r="S41" s="459">
        <v>-0.7</v>
      </c>
      <c r="T41" s="460">
        <v>-0.2</v>
      </c>
      <c r="U41" s="461" t="s">
        <v>360</v>
      </c>
      <c r="V41" s="459">
        <v>12.8</v>
      </c>
      <c r="W41" s="459">
        <v>54.9</v>
      </c>
      <c r="X41" s="459">
        <v>32.299999999999997</v>
      </c>
      <c r="Y41" s="466">
        <v>49.84</v>
      </c>
      <c r="Z41" s="460">
        <v>252.1</v>
      </c>
      <c r="AA41" s="462"/>
    </row>
    <row r="42" spans="1:27" ht="9" customHeight="1">
      <c r="A42" s="478"/>
      <c r="B42" s="456"/>
      <c r="C42" s="456"/>
      <c r="D42" s="456"/>
      <c r="E42" s="456"/>
      <c r="F42" s="456"/>
      <c r="G42" s="456"/>
      <c r="H42" s="456"/>
      <c r="I42" s="456"/>
      <c r="J42" s="456"/>
      <c r="K42" s="1145"/>
      <c r="L42" s="457"/>
      <c r="M42" s="456"/>
      <c r="N42" s="456"/>
      <c r="O42" s="456"/>
      <c r="P42" s="447"/>
      <c r="Q42" s="458"/>
      <c r="R42" s="459"/>
      <c r="S42" s="459"/>
      <c r="T42" s="460"/>
      <c r="U42" s="461"/>
      <c r="V42" s="459"/>
      <c r="W42" s="459"/>
      <c r="X42" s="459"/>
      <c r="Y42" s="462"/>
      <c r="Z42" s="460"/>
      <c r="AA42" s="462"/>
    </row>
    <row r="43" spans="1:27" ht="12.6" customHeight="1">
      <c r="A43" s="479" t="s">
        <v>401</v>
      </c>
      <c r="B43" s="447">
        <v>1576940</v>
      </c>
      <c r="C43" s="447">
        <v>187872</v>
      </c>
      <c r="D43" s="447">
        <v>972748</v>
      </c>
      <c r="E43" s="447">
        <v>404643</v>
      </c>
      <c r="F43" s="447">
        <v>11677</v>
      </c>
      <c r="G43" s="447">
        <v>1573768</v>
      </c>
      <c r="H43" s="447">
        <v>190078</v>
      </c>
      <c r="I43" s="447">
        <v>973172</v>
      </c>
      <c r="J43" s="447">
        <v>398841</v>
      </c>
      <c r="K43" s="1144">
        <v>11677</v>
      </c>
      <c r="L43" s="448">
        <v>3172</v>
      </c>
      <c r="M43" s="447">
        <v>-2206</v>
      </c>
      <c r="N43" s="447">
        <v>-424</v>
      </c>
      <c r="O43" s="447">
        <v>5802</v>
      </c>
      <c r="P43" s="447" t="s">
        <v>364</v>
      </c>
      <c r="Q43" s="449">
        <v>0.2</v>
      </c>
      <c r="R43" s="450">
        <v>-1.2</v>
      </c>
      <c r="S43" s="481">
        <v>-0.04</v>
      </c>
      <c r="T43" s="451">
        <v>1.5</v>
      </c>
      <c r="U43" s="452" t="s">
        <v>360</v>
      </c>
      <c r="V43" s="450">
        <v>12</v>
      </c>
      <c r="W43" s="450">
        <v>62.1</v>
      </c>
      <c r="X43" s="450">
        <v>25.9</v>
      </c>
      <c r="Y43" s="453">
        <v>46.17</v>
      </c>
      <c r="Z43" s="451">
        <v>215.4</v>
      </c>
      <c r="AA43" s="454"/>
    </row>
    <row r="44" spans="1:27" ht="12.6" customHeight="1">
      <c r="A44" s="478" t="s">
        <v>402</v>
      </c>
      <c r="B44" s="456">
        <v>722796</v>
      </c>
      <c r="C44" s="477">
        <v>83956</v>
      </c>
      <c r="D44" s="477">
        <v>445000</v>
      </c>
      <c r="E44" s="477">
        <v>187771</v>
      </c>
      <c r="F44" s="477">
        <v>6069</v>
      </c>
      <c r="G44" s="456">
        <v>722863</v>
      </c>
      <c r="H44" s="456">
        <v>85095</v>
      </c>
      <c r="I44" s="456">
        <v>446702</v>
      </c>
      <c r="J44" s="456">
        <v>184997</v>
      </c>
      <c r="K44" s="1145">
        <v>6069</v>
      </c>
      <c r="L44" s="457">
        <v>-67</v>
      </c>
      <c r="M44" s="456">
        <v>-1139</v>
      </c>
      <c r="N44" s="456">
        <v>-1702</v>
      </c>
      <c r="O44" s="456">
        <v>2774</v>
      </c>
      <c r="P44" s="447" t="s">
        <v>364</v>
      </c>
      <c r="Q44" s="482">
        <v>-0.01</v>
      </c>
      <c r="R44" s="459">
        <v>-1.3</v>
      </c>
      <c r="S44" s="459">
        <v>-0.4</v>
      </c>
      <c r="T44" s="460">
        <v>1.5</v>
      </c>
      <c r="U44" s="461" t="s">
        <v>360</v>
      </c>
      <c r="V44" s="459">
        <v>11.7</v>
      </c>
      <c r="W44" s="459">
        <v>62.1</v>
      </c>
      <c r="X44" s="459">
        <v>26.2</v>
      </c>
      <c r="Y44" s="466">
        <v>46.42</v>
      </c>
      <c r="Z44" s="460">
        <v>223.7</v>
      </c>
      <c r="AA44" s="462"/>
    </row>
    <row r="45" spans="1:27" ht="12.6" customHeight="1">
      <c r="A45" s="465" t="s">
        <v>378</v>
      </c>
      <c r="B45" s="456">
        <v>170464</v>
      </c>
      <c r="C45" s="456">
        <v>19357</v>
      </c>
      <c r="D45" s="456">
        <v>102064</v>
      </c>
      <c r="E45" s="456">
        <v>47836</v>
      </c>
      <c r="F45" s="456">
        <v>1207</v>
      </c>
      <c r="G45" s="456">
        <v>171602</v>
      </c>
      <c r="H45" s="456">
        <v>19917</v>
      </c>
      <c r="I45" s="456">
        <v>103483</v>
      </c>
      <c r="J45" s="456">
        <v>46995</v>
      </c>
      <c r="K45" s="1145">
        <v>1207</v>
      </c>
      <c r="L45" s="457">
        <v>-1138</v>
      </c>
      <c r="M45" s="456">
        <v>-560</v>
      </c>
      <c r="N45" s="456">
        <v>-1419</v>
      </c>
      <c r="O45" s="456">
        <v>841</v>
      </c>
      <c r="P45" s="447" t="s">
        <v>44</v>
      </c>
      <c r="Q45" s="458">
        <v>-0.7</v>
      </c>
      <c r="R45" s="459">
        <v>-2.8</v>
      </c>
      <c r="S45" s="459">
        <v>-1.4</v>
      </c>
      <c r="T45" s="460">
        <v>1.8</v>
      </c>
      <c r="U45" s="461" t="s">
        <v>403</v>
      </c>
      <c r="V45" s="459">
        <v>11.4</v>
      </c>
      <c r="W45" s="459">
        <v>60.3</v>
      </c>
      <c r="X45" s="459">
        <v>28.3</v>
      </c>
      <c r="Y45" s="466">
        <v>47.29</v>
      </c>
      <c r="Z45" s="460">
        <v>247.1</v>
      </c>
      <c r="AA45" s="462"/>
    </row>
    <row r="46" spans="1:27" ht="12.6" customHeight="1">
      <c r="A46" s="465" t="s">
        <v>404</v>
      </c>
      <c r="B46" s="456">
        <v>272228</v>
      </c>
      <c r="C46" s="456">
        <v>32948</v>
      </c>
      <c r="D46" s="456">
        <v>169907</v>
      </c>
      <c r="E46" s="456">
        <v>67066</v>
      </c>
      <c r="F46" s="456">
        <v>2307</v>
      </c>
      <c r="G46" s="456">
        <v>271965</v>
      </c>
      <c r="H46" s="456">
        <v>33304</v>
      </c>
      <c r="I46" s="456">
        <v>170301</v>
      </c>
      <c r="J46" s="456">
        <v>66053</v>
      </c>
      <c r="K46" s="1145">
        <v>2307</v>
      </c>
      <c r="L46" s="457">
        <v>263</v>
      </c>
      <c r="M46" s="456">
        <v>-356</v>
      </c>
      <c r="N46" s="456">
        <v>-394</v>
      </c>
      <c r="O46" s="456">
        <v>1013</v>
      </c>
      <c r="P46" s="447" t="s">
        <v>44</v>
      </c>
      <c r="Q46" s="458">
        <v>0.1</v>
      </c>
      <c r="R46" s="459">
        <v>-1.1000000000000001</v>
      </c>
      <c r="S46" s="459">
        <v>-0.2</v>
      </c>
      <c r="T46" s="460">
        <v>1.5</v>
      </c>
      <c r="U46" s="461" t="s">
        <v>376</v>
      </c>
      <c r="V46" s="459">
        <v>12.2</v>
      </c>
      <c r="W46" s="459">
        <v>62.9</v>
      </c>
      <c r="X46" s="459">
        <v>24.8</v>
      </c>
      <c r="Y46" s="466">
        <v>45.67</v>
      </c>
      <c r="Z46" s="460">
        <v>203.6</v>
      </c>
      <c r="AA46" s="462"/>
    </row>
    <row r="47" spans="1:27" ht="12.6" customHeight="1">
      <c r="A47" s="465" t="s">
        <v>369</v>
      </c>
      <c r="B47" s="456">
        <v>280104</v>
      </c>
      <c r="C47" s="456">
        <v>31651</v>
      </c>
      <c r="D47" s="456">
        <v>173029</v>
      </c>
      <c r="E47" s="456">
        <v>72869</v>
      </c>
      <c r="F47" s="456">
        <v>2555</v>
      </c>
      <c r="G47" s="456">
        <v>279296</v>
      </c>
      <c r="H47" s="456">
        <v>31874</v>
      </c>
      <c r="I47" s="456">
        <v>172918</v>
      </c>
      <c r="J47" s="456">
        <v>71949</v>
      </c>
      <c r="K47" s="1145">
        <v>2555</v>
      </c>
      <c r="L47" s="457">
        <v>808</v>
      </c>
      <c r="M47" s="456">
        <v>-223</v>
      </c>
      <c r="N47" s="456">
        <v>111</v>
      </c>
      <c r="O47" s="456">
        <v>920</v>
      </c>
      <c r="P47" s="447" t="s">
        <v>44</v>
      </c>
      <c r="Q47" s="458">
        <v>0.3</v>
      </c>
      <c r="R47" s="459">
        <v>-0.7</v>
      </c>
      <c r="S47" s="459">
        <v>0.1</v>
      </c>
      <c r="T47" s="460">
        <v>1.3</v>
      </c>
      <c r="U47" s="461" t="s">
        <v>360</v>
      </c>
      <c r="V47" s="459">
        <v>11.4</v>
      </c>
      <c r="W47" s="459">
        <v>62.3</v>
      </c>
      <c r="X47" s="459">
        <v>26.3</v>
      </c>
      <c r="Y47" s="466">
        <v>46.61</v>
      </c>
      <c r="Z47" s="460">
        <v>230.2</v>
      </c>
      <c r="AA47" s="462"/>
    </row>
    <row r="48" spans="1:27" ht="12.6" customHeight="1">
      <c r="A48" s="478" t="s">
        <v>405</v>
      </c>
      <c r="B48" s="456">
        <v>224536</v>
      </c>
      <c r="C48" s="456">
        <v>26617</v>
      </c>
      <c r="D48" s="456">
        <v>139539</v>
      </c>
      <c r="E48" s="456">
        <v>57253</v>
      </c>
      <c r="F48" s="456">
        <v>1127</v>
      </c>
      <c r="G48" s="456">
        <v>225247</v>
      </c>
      <c r="H48" s="456">
        <v>27172</v>
      </c>
      <c r="I48" s="456">
        <v>140675</v>
      </c>
      <c r="J48" s="456">
        <v>56273</v>
      </c>
      <c r="K48" s="1145">
        <v>1127</v>
      </c>
      <c r="L48" s="457">
        <v>-711</v>
      </c>
      <c r="M48" s="456">
        <v>-555</v>
      </c>
      <c r="N48" s="456">
        <v>-1136</v>
      </c>
      <c r="O48" s="456">
        <v>980</v>
      </c>
      <c r="P48" s="447" t="s">
        <v>364</v>
      </c>
      <c r="Q48" s="458">
        <v>-0.3</v>
      </c>
      <c r="R48" s="459">
        <v>-2</v>
      </c>
      <c r="S48" s="459">
        <v>-0.8</v>
      </c>
      <c r="T48" s="460">
        <v>1.7</v>
      </c>
      <c r="U48" s="461" t="s">
        <v>360</v>
      </c>
      <c r="V48" s="459">
        <v>11.9</v>
      </c>
      <c r="W48" s="459">
        <v>62.5</v>
      </c>
      <c r="X48" s="459">
        <v>25.6</v>
      </c>
      <c r="Y48" s="466">
        <v>45.89</v>
      </c>
      <c r="Z48" s="460">
        <v>215.1</v>
      </c>
      <c r="AA48" s="462"/>
    </row>
    <row r="49" spans="1:27" ht="12.6" customHeight="1">
      <c r="A49" s="478" t="s">
        <v>406</v>
      </c>
      <c r="B49" s="456">
        <v>237894</v>
      </c>
      <c r="C49" s="456">
        <v>29273</v>
      </c>
      <c r="D49" s="456">
        <v>149994</v>
      </c>
      <c r="E49" s="456">
        <v>57205</v>
      </c>
      <c r="F49" s="456">
        <v>1422</v>
      </c>
      <c r="G49" s="456">
        <v>235816</v>
      </c>
      <c r="H49" s="456">
        <v>29363</v>
      </c>
      <c r="I49" s="456">
        <v>148466</v>
      </c>
      <c r="J49" s="456">
        <v>56565</v>
      </c>
      <c r="K49" s="1145">
        <v>1422</v>
      </c>
      <c r="L49" s="457">
        <v>2078</v>
      </c>
      <c r="M49" s="456">
        <v>-90</v>
      </c>
      <c r="N49" s="456">
        <v>1528</v>
      </c>
      <c r="O49" s="456">
        <v>640</v>
      </c>
      <c r="P49" s="447" t="s">
        <v>382</v>
      </c>
      <c r="Q49" s="458">
        <v>0.9</v>
      </c>
      <c r="R49" s="459">
        <v>-0.3</v>
      </c>
      <c r="S49" s="459">
        <v>1</v>
      </c>
      <c r="T49" s="460">
        <v>1.1000000000000001</v>
      </c>
      <c r="U49" s="461" t="s">
        <v>360</v>
      </c>
      <c r="V49" s="459">
        <v>12.4</v>
      </c>
      <c r="W49" s="459">
        <v>63.4</v>
      </c>
      <c r="X49" s="459">
        <v>24.2</v>
      </c>
      <c r="Y49" s="466">
        <v>45.49</v>
      </c>
      <c r="Z49" s="460">
        <v>195.4</v>
      </c>
      <c r="AA49" s="462"/>
    </row>
    <row r="50" spans="1:27" ht="12.6" customHeight="1">
      <c r="A50" s="478" t="s">
        <v>407</v>
      </c>
      <c r="B50" s="456">
        <v>134073</v>
      </c>
      <c r="C50" s="456">
        <v>17543</v>
      </c>
      <c r="D50" s="456">
        <v>82702</v>
      </c>
      <c r="E50" s="456">
        <v>33336</v>
      </c>
      <c r="F50" s="456">
        <v>492</v>
      </c>
      <c r="G50" s="456">
        <v>132824</v>
      </c>
      <c r="H50" s="456">
        <v>17524</v>
      </c>
      <c r="I50" s="456">
        <v>82013</v>
      </c>
      <c r="J50" s="456">
        <v>32795</v>
      </c>
      <c r="K50" s="1145">
        <v>492</v>
      </c>
      <c r="L50" s="457">
        <v>1249</v>
      </c>
      <c r="M50" s="456">
        <v>19</v>
      </c>
      <c r="N50" s="456">
        <v>689</v>
      </c>
      <c r="O50" s="456">
        <v>541</v>
      </c>
      <c r="P50" s="447" t="s">
        <v>408</v>
      </c>
      <c r="Q50" s="458">
        <v>0.9</v>
      </c>
      <c r="R50" s="459">
        <v>0.1</v>
      </c>
      <c r="S50" s="459">
        <v>0.8</v>
      </c>
      <c r="T50" s="460">
        <v>1.6</v>
      </c>
      <c r="U50" s="461" t="s">
        <v>403</v>
      </c>
      <c r="V50" s="459">
        <v>13.1</v>
      </c>
      <c r="W50" s="459">
        <v>61.9</v>
      </c>
      <c r="X50" s="459">
        <v>25</v>
      </c>
      <c r="Y50" s="466">
        <v>45.4</v>
      </c>
      <c r="Z50" s="460">
        <v>190</v>
      </c>
      <c r="AA50" s="462"/>
    </row>
    <row r="51" spans="1:27" ht="12.6" customHeight="1">
      <c r="A51" s="478" t="s">
        <v>409</v>
      </c>
      <c r="B51" s="456">
        <v>130655</v>
      </c>
      <c r="C51" s="456">
        <v>14954</v>
      </c>
      <c r="D51" s="456">
        <v>81343</v>
      </c>
      <c r="E51" s="456">
        <v>33065</v>
      </c>
      <c r="F51" s="456">
        <v>1293</v>
      </c>
      <c r="G51" s="456">
        <v>129912</v>
      </c>
      <c r="H51" s="456">
        <v>15076</v>
      </c>
      <c r="I51" s="456">
        <v>81033</v>
      </c>
      <c r="J51" s="456">
        <v>32510</v>
      </c>
      <c r="K51" s="1145">
        <v>1293</v>
      </c>
      <c r="L51" s="457">
        <v>743</v>
      </c>
      <c r="M51" s="456">
        <v>-122</v>
      </c>
      <c r="N51" s="456">
        <v>310</v>
      </c>
      <c r="O51" s="456">
        <v>555</v>
      </c>
      <c r="P51" s="447" t="s">
        <v>382</v>
      </c>
      <c r="Q51" s="458">
        <v>0.6</v>
      </c>
      <c r="R51" s="459">
        <v>-0.8</v>
      </c>
      <c r="S51" s="459">
        <v>0.4</v>
      </c>
      <c r="T51" s="460">
        <v>1.7</v>
      </c>
      <c r="U51" s="461" t="s">
        <v>360</v>
      </c>
      <c r="V51" s="459">
        <v>11.6</v>
      </c>
      <c r="W51" s="459">
        <v>62.9</v>
      </c>
      <c r="X51" s="459">
        <v>25.6</v>
      </c>
      <c r="Y51" s="466">
        <v>46.45</v>
      </c>
      <c r="Z51" s="460">
        <v>221.1</v>
      </c>
      <c r="AA51" s="462"/>
    </row>
    <row r="52" spans="1:27" ht="12.6" customHeight="1">
      <c r="A52" s="478" t="s">
        <v>410</v>
      </c>
      <c r="B52" s="456">
        <v>84484</v>
      </c>
      <c r="C52" s="456">
        <v>11097</v>
      </c>
      <c r="D52" s="456">
        <v>49819</v>
      </c>
      <c r="E52" s="456">
        <v>23166</v>
      </c>
      <c r="F52" s="456">
        <v>402</v>
      </c>
      <c r="G52" s="456">
        <v>84307</v>
      </c>
      <c r="H52" s="456">
        <v>11260</v>
      </c>
      <c r="I52" s="456">
        <v>49637</v>
      </c>
      <c r="J52" s="456">
        <v>23008</v>
      </c>
      <c r="K52" s="1145">
        <v>402</v>
      </c>
      <c r="L52" s="457">
        <v>177</v>
      </c>
      <c r="M52" s="456">
        <v>-163</v>
      </c>
      <c r="N52" s="456">
        <v>182</v>
      </c>
      <c r="O52" s="456">
        <v>158</v>
      </c>
      <c r="P52" s="447" t="s">
        <v>362</v>
      </c>
      <c r="Q52" s="458">
        <v>0.2</v>
      </c>
      <c r="R52" s="459">
        <v>-1.4</v>
      </c>
      <c r="S52" s="459">
        <v>0.4</v>
      </c>
      <c r="T52" s="460">
        <v>0.7</v>
      </c>
      <c r="U52" s="461" t="s">
        <v>360</v>
      </c>
      <c r="V52" s="459">
        <v>13.2</v>
      </c>
      <c r="W52" s="459">
        <v>59.3</v>
      </c>
      <c r="X52" s="459">
        <v>27.6</v>
      </c>
      <c r="Y52" s="466">
        <v>46.28</v>
      </c>
      <c r="Z52" s="460">
        <v>208.8</v>
      </c>
      <c r="AA52" s="462"/>
    </row>
    <row r="53" spans="1:27" ht="12.6" customHeight="1">
      <c r="A53" s="478" t="s">
        <v>411</v>
      </c>
      <c r="B53" s="456">
        <v>39413</v>
      </c>
      <c r="C53" s="456">
        <v>4134</v>
      </c>
      <c r="D53" s="456">
        <v>22710</v>
      </c>
      <c r="E53" s="456">
        <v>11701</v>
      </c>
      <c r="F53" s="456">
        <v>868</v>
      </c>
      <c r="G53" s="456">
        <v>39665</v>
      </c>
      <c r="H53" s="456">
        <v>4275</v>
      </c>
      <c r="I53" s="456">
        <v>22968</v>
      </c>
      <c r="J53" s="456">
        <v>11554</v>
      </c>
      <c r="K53" s="1145">
        <v>868</v>
      </c>
      <c r="L53" s="457">
        <v>-252</v>
      </c>
      <c r="M53" s="456">
        <v>-141</v>
      </c>
      <c r="N53" s="456">
        <v>-258</v>
      </c>
      <c r="O53" s="456">
        <v>147</v>
      </c>
      <c r="P53" s="447" t="s">
        <v>364</v>
      </c>
      <c r="Q53" s="458">
        <v>-0.6</v>
      </c>
      <c r="R53" s="459">
        <v>-3.3</v>
      </c>
      <c r="S53" s="459">
        <v>-1.1000000000000001</v>
      </c>
      <c r="T53" s="460">
        <v>1.3</v>
      </c>
      <c r="U53" s="461" t="s">
        <v>360</v>
      </c>
      <c r="V53" s="459">
        <v>10.7</v>
      </c>
      <c r="W53" s="459">
        <v>58.9</v>
      </c>
      <c r="X53" s="459">
        <v>30.4</v>
      </c>
      <c r="Y53" s="466">
        <v>48.48</v>
      </c>
      <c r="Z53" s="460">
        <v>283</v>
      </c>
      <c r="AA53" s="462"/>
    </row>
    <row r="54" spans="1:27" ht="12.6" customHeight="1">
      <c r="A54" s="478" t="s">
        <v>412</v>
      </c>
      <c r="B54" s="456">
        <v>3089</v>
      </c>
      <c r="C54" s="456">
        <v>298</v>
      </c>
      <c r="D54" s="456">
        <v>1641</v>
      </c>
      <c r="E54" s="456">
        <v>1146</v>
      </c>
      <c r="F54" s="456">
        <v>4</v>
      </c>
      <c r="G54" s="456">
        <v>3134</v>
      </c>
      <c r="H54" s="456">
        <v>313</v>
      </c>
      <c r="I54" s="456">
        <v>1678</v>
      </c>
      <c r="J54" s="456">
        <v>1139</v>
      </c>
      <c r="K54" s="1145">
        <v>4</v>
      </c>
      <c r="L54" s="457">
        <v>-45</v>
      </c>
      <c r="M54" s="456">
        <v>-15</v>
      </c>
      <c r="N54" s="456">
        <v>-37</v>
      </c>
      <c r="O54" s="456">
        <v>7</v>
      </c>
      <c r="P54" s="447" t="s">
        <v>364</v>
      </c>
      <c r="Q54" s="458">
        <v>-1.4</v>
      </c>
      <c r="R54" s="459">
        <v>-4.8</v>
      </c>
      <c r="S54" s="459">
        <v>-2.2000000000000002</v>
      </c>
      <c r="T54" s="460">
        <v>0.6</v>
      </c>
      <c r="U54" s="461" t="s">
        <v>360</v>
      </c>
      <c r="V54" s="459">
        <v>9.6999999999999993</v>
      </c>
      <c r="W54" s="459">
        <v>53.2</v>
      </c>
      <c r="X54" s="459">
        <v>37.1</v>
      </c>
      <c r="Y54" s="466">
        <v>52.42</v>
      </c>
      <c r="Z54" s="460">
        <v>384.6</v>
      </c>
      <c r="AA54" s="462"/>
    </row>
    <row r="55" spans="1:27" ht="9" customHeight="1">
      <c r="A55" s="478"/>
      <c r="B55" s="456"/>
      <c r="C55" s="456"/>
      <c r="D55" s="456"/>
      <c r="E55" s="456"/>
      <c r="F55" s="456"/>
      <c r="G55" s="456"/>
      <c r="H55" s="456"/>
      <c r="I55" s="456"/>
      <c r="J55" s="456"/>
      <c r="K55" s="1145"/>
      <c r="L55" s="457"/>
      <c r="M55" s="456"/>
      <c r="N55" s="456"/>
      <c r="O55" s="456"/>
      <c r="P55" s="447"/>
      <c r="Q55" s="458"/>
      <c r="R55" s="459"/>
      <c r="S55" s="459"/>
      <c r="T55" s="460"/>
      <c r="U55" s="461"/>
      <c r="V55" s="459"/>
      <c r="W55" s="459"/>
      <c r="X55" s="459"/>
      <c r="Y55" s="462"/>
      <c r="Z55" s="460"/>
      <c r="AA55" s="462"/>
    </row>
    <row r="56" spans="1:27" ht="12.6" customHeight="1">
      <c r="A56" s="479" t="s">
        <v>413</v>
      </c>
      <c r="B56" s="447">
        <v>1308801</v>
      </c>
      <c r="C56" s="447">
        <v>160780</v>
      </c>
      <c r="D56" s="447">
        <v>790323</v>
      </c>
      <c r="E56" s="447">
        <v>352028</v>
      </c>
      <c r="F56" s="447">
        <v>5670</v>
      </c>
      <c r="G56" s="447">
        <v>1307446</v>
      </c>
      <c r="H56" s="447">
        <v>162866</v>
      </c>
      <c r="I56" s="447">
        <v>791177</v>
      </c>
      <c r="J56" s="447">
        <v>347733</v>
      </c>
      <c r="K56" s="1144">
        <v>5670</v>
      </c>
      <c r="L56" s="448">
        <v>1355</v>
      </c>
      <c r="M56" s="447">
        <v>-2086</v>
      </c>
      <c r="N56" s="447">
        <v>-854</v>
      </c>
      <c r="O56" s="447">
        <v>4295</v>
      </c>
      <c r="P56" s="447" t="s">
        <v>364</v>
      </c>
      <c r="Q56" s="449">
        <v>0.1</v>
      </c>
      <c r="R56" s="450">
        <v>-1.3</v>
      </c>
      <c r="S56" s="450">
        <v>-0.1</v>
      </c>
      <c r="T56" s="451">
        <v>1.2</v>
      </c>
      <c r="U56" s="452" t="s">
        <v>360</v>
      </c>
      <c r="V56" s="450">
        <v>12.3</v>
      </c>
      <c r="W56" s="450">
        <v>60.6</v>
      </c>
      <c r="X56" s="450">
        <v>27</v>
      </c>
      <c r="Y56" s="453">
        <v>46.78</v>
      </c>
      <c r="Z56" s="451">
        <v>219</v>
      </c>
      <c r="AA56" s="454"/>
    </row>
    <row r="57" spans="1:27" ht="12.6" customHeight="1">
      <c r="A57" s="478" t="s">
        <v>414</v>
      </c>
      <c r="B57" s="456">
        <v>257713</v>
      </c>
      <c r="C57" s="456">
        <v>29674</v>
      </c>
      <c r="D57" s="456">
        <v>154177</v>
      </c>
      <c r="E57" s="456">
        <v>72040</v>
      </c>
      <c r="F57" s="456">
        <v>1822</v>
      </c>
      <c r="G57" s="456">
        <v>257879</v>
      </c>
      <c r="H57" s="456">
        <v>30191</v>
      </c>
      <c r="I57" s="456">
        <v>154737</v>
      </c>
      <c r="J57" s="456">
        <v>71129</v>
      </c>
      <c r="K57" s="1145">
        <v>1822</v>
      </c>
      <c r="L57" s="457">
        <v>-166</v>
      </c>
      <c r="M57" s="456">
        <v>-517</v>
      </c>
      <c r="N57" s="456">
        <v>-560</v>
      </c>
      <c r="O57" s="456">
        <v>911</v>
      </c>
      <c r="P57" s="456" t="s">
        <v>364</v>
      </c>
      <c r="Q57" s="458">
        <v>-0.1</v>
      </c>
      <c r="R57" s="459">
        <v>-1.7</v>
      </c>
      <c r="S57" s="459">
        <v>-0.4</v>
      </c>
      <c r="T57" s="460">
        <v>1.3</v>
      </c>
      <c r="U57" s="461" t="s">
        <v>415</v>
      </c>
      <c r="V57" s="459">
        <v>11.6</v>
      </c>
      <c r="W57" s="459">
        <v>60.3</v>
      </c>
      <c r="X57" s="459">
        <v>28.2</v>
      </c>
      <c r="Y57" s="466">
        <v>47.46</v>
      </c>
      <c r="Z57" s="460">
        <v>242.8</v>
      </c>
      <c r="AA57" s="462"/>
    </row>
    <row r="58" spans="1:27" ht="12.6" customHeight="1">
      <c r="A58" s="478" t="s">
        <v>416</v>
      </c>
      <c r="B58" s="456">
        <v>434769</v>
      </c>
      <c r="C58" s="456">
        <v>57126</v>
      </c>
      <c r="D58" s="456">
        <v>270433</v>
      </c>
      <c r="E58" s="456">
        <v>107019</v>
      </c>
      <c r="F58" s="456">
        <v>191</v>
      </c>
      <c r="G58" s="456">
        <v>432095</v>
      </c>
      <c r="H58" s="456">
        <v>57405</v>
      </c>
      <c r="I58" s="456">
        <v>268673</v>
      </c>
      <c r="J58" s="456">
        <v>105826</v>
      </c>
      <c r="K58" s="1145">
        <v>191</v>
      </c>
      <c r="L58" s="457">
        <v>2674</v>
      </c>
      <c r="M58" s="456">
        <v>-279</v>
      </c>
      <c r="N58" s="456">
        <v>1760</v>
      </c>
      <c r="O58" s="456">
        <v>1193</v>
      </c>
      <c r="P58" s="456" t="s">
        <v>382</v>
      </c>
      <c r="Q58" s="458">
        <v>0.6</v>
      </c>
      <c r="R58" s="459">
        <v>-0.5</v>
      </c>
      <c r="S58" s="459">
        <v>0.7</v>
      </c>
      <c r="T58" s="460">
        <v>1.1000000000000001</v>
      </c>
      <c r="U58" s="461" t="s">
        <v>360</v>
      </c>
      <c r="V58" s="459">
        <v>13.1</v>
      </c>
      <c r="W58" s="459">
        <v>62.2</v>
      </c>
      <c r="X58" s="459">
        <v>24.6</v>
      </c>
      <c r="Y58" s="466">
        <v>45.62</v>
      </c>
      <c r="Z58" s="460">
        <v>187.3</v>
      </c>
      <c r="AA58" s="462"/>
    </row>
    <row r="59" spans="1:27" ht="12.6" customHeight="1">
      <c r="A59" s="478" t="s">
        <v>417</v>
      </c>
      <c r="B59" s="456">
        <v>242012</v>
      </c>
      <c r="C59" s="456">
        <v>31445</v>
      </c>
      <c r="D59" s="456">
        <v>145727</v>
      </c>
      <c r="E59" s="456">
        <v>64070</v>
      </c>
      <c r="F59" s="456">
        <v>770</v>
      </c>
      <c r="G59" s="456">
        <v>242079</v>
      </c>
      <c r="H59" s="456">
        <v>31867</v>
      </c>
      <c r="I59" s="456">
        <v>145982</v>
      </c>
      <c r="J59" s="456">
        <v>63460</v>
      </c>
      <c r="K59" s="1145">
        <v>770</v>
      </c>
      <c r="L59" s="457">
        <v>-67</v>
      </c>
      <c r="M59" s="456">
        <v>-422</v>
      </c>
      <c r="N59" s="456">
        <v>-255</v>
      </c>
      <c r="O59" s="456">
        <v>610</v>
      </c>
      <c r="P59" s="456" t="s">
        <v>364</v>
      </c>
      <c r="Q59" s="482">
        <v>-0.03</v>
      </c>
      <c r="R59" s="459">
        <v>-1.3</v>
      </c>
      <c r="S59" s="459">
        <v>-0.2</v>
      </c>
      <c r="T59" s="460">
        <v>1</v>
      </c>
      <c r="U59" s="461" t="s">
        <v>391</v>
      </c>
      <c r="V59" s="459">
        <v>13</v>
      </c>
      <c r="W59" s="459">
        <v>60.4</v>
      </c>
      <c r="X59" s="459">
        <v>26.6</v>
      </c>
      <c r="Y59" s="466">
        <v>46.67</v>
      </c>
      <c r="Z59" s="460">
        <v>203.8</v>
      </c>
      <c r="AA59" s="462"/>
    </row>
    <row r="60" spans="1:27" ht="12.6" customHeight="1">
      <c r="A60" s="478" t="s">
        <v>418</v>
      </c>
      <c r="B60" s="456">
        <v>164961</v>
      </c>
      <c r="C60" s="456">
        <v>18145</v>
      </c>
      <c r="D60" s="456">
        <v>96591</v>
      </c>
      <c r="E60" s="456">
        <v>48804</v>
      </c>
      <c r="F60" s="456">
        <v>1421</v>
      </c>
      <c r="G60" s="456">
        <v>165396</v>
      </c>
      <c r="H60" s="456">
        <v>18573</v>
      </c>
      <c r="I60" s="456">
        <v>97516</v>
      </c>
      <c r="J60" s="456">
        <v>47886</v>
      </c>
      <c r="K60" s="1145">
        <v>1421</v>
      </c>
      <c r="L60" s="457">
        <v>-435</v>
      </c>
      <c r="M60" s="456">
        <v>-428</v>
      </c>
      <c r="N60" s="456">
        <v>-925</v>
      </c>
      <c r="O60" s="456">
        <v>918</v>
      </c>
      <c r="P60" s="456" t="s">
        <v>364</v>
      </c>
      <c r="Q60" s="458">
        <v>-0.3</v>
      </c>
      <c r="R60" s="459">
        <v>-2.2999999999999998</v>
      </c>
      <c r="S60" s="459">
        <v>-0.9</v>
      </c>
      <c r="T60" s="460">
        <v>1.9</v>
      </c>
      <c r="U60" s="461" t="s">
        <v>366</v>
      </c>
      <c r="V60" s="459">
        <v>11.1</v>
      </c>
      <c r="W60" s="459">
        <v>59.1</v>
      </c>
      <c r="X60" s="459">
        <v>29.8</v>
      </c>
      <c r="Y60" s="466">
        <v>47.85</v>
      </c>
      <c r="Z60" s="460">
        <v>269</v>
      </c>
      <c r="AA60" s="462"/>
    </row>
    <row r="61" spans="1:27" ht="12.6" customHeight="1">
      <c r="A61" s="478" t="s">
        <v>419</v>
      </c>
      <c r="B61" s="456">
        <v>102054</v>
      </c>
      <c r="C61" s="456">
        <v>11815</v>
      </c>
      <c r="D61" s="456">
        <v>62859</v>
      </c>
      <c r="E61" s="456">
        <v>26697</v>
      </c>
      <c r="F61" s="456">
        <v>683</v>
      </c>
      <c r="G61" s="456">
        <v>102404</v>
      </c>
      <c r="H61" s="456">
        <v>12092</v>
      </c>
      <c r="I61" s="456">
        <v>63382</v>
      </c>
      <c r="J61" s="456">
        <v>26247</v>
      </c>
      <c r="K61" s="1145">
        <v>683</v>
      </c>
      <c r="L61" s="457">
        <v>-350</v>
      </c>
      <c r="M61" s="456">
        <v>-277</v>
      </c>
      <c r="N61" s="456">
        <v>-523</v>
      </c>
      <c r="O61" s="456">
        <v>450</v>
      </c>
      <c r="P61" s="456" t="s">
        <v>362</v>
      </c>
      <c r="Q61" s="458">
        <v>-0.3</v>
      </c>
      <c r="R61" s="459">
        <v>-2.2999999999999998</v>
      </c>
      <c r="S61" s="459">
        <v>-0.8</v>
      </c>
      <c r="T61" s="460">
        <v>1.7</v>
      </c>
      <c r="U61" s="461" t="s">
        <v>360</v>
      </c>
      <c r="V61" s="459">
        <v>11.7</v>
      </c>
      <c r="W61" s="459">
        <v>62</v>
      </c>
      <c r="X61" s="459">
        <v>26.3</v>
      </c>
      <c r="Y61" s="466">
        <v>46.34</v>
      </c>
      <c r="Z61" s="460">
        <v>226</v>
      </c>
      <c r="AA61" s="462"/>
    </row>
    <row r="62" spans="1:27" ht="12.6" customHeight="1">
      <c r="A62" s="478" t="s">
        <v>420</v>
      </c>
      <c r="B62" s="456">
        <v>48390</v>
      </c>
      <c r="C62" s="456">
        <v>6243</v>
      </c>
      <c r="D62" s="456">
        <v>28798</v>
      </c>
      <c r="E62" s="456">
        <v>13242</v>
      </c>
      <c r="F62" s="456">
        <v>107</v>
      </c>
      <c r="G62" s="456">
        <v>48284</v>
      </c>
      <c r="H62" s="456">
        <v>6322</v>
      </c>
      <c r="I62" s="456">
        <v>28780</v>
      </c>
      <c r="J62" s="456">
        <v>13075</v>
      </c>
      <c r="K62" s="1145">
        <v>107</v>
      </c>
      <c r="L62" s="457">
        <v>106</v>
      </c>
      <c r="M62" s="456">
        <v>-79</v>
      </c>
      <c r="N62" s="456">
        <v>18</v>
      </c>
      <c r="O62" s="456">
        <v>167</v>
      </c>
      <c r="P62" s="456" t="s">
        <v>364</v>
      </c>
      <c r="Q62" s="458">
        <v>0.2</v>
      </c>
      <c r="R62" s="459">
        <v>-1.2</v>
      </c>
      <c r="S62" s="459">
        <v>0.1</v>
      </c>
      <c r="T62" s="460">
        <v>1.3</v>
      </c>
      <c r="U62" s="461" t="s">
        <v>360</v>
      </c>
      <c r="V62" s="459">
        <v>12.9</v>
      </c>
      <c r="W62" s="459">
        <v>59.6</v>
      </c>
      <c r="X62" s="459">
        <v>27.4</v>
      </c>
      <c r="Y62" s="466">
        <v>46.42</v>
      </c>
      <c r="Z62" s="460">
        <v>212.1</v>
      </c>
      <c r="AA62" s="462"/>
    </row>
    <row r="63" spans="1:27" ht="12.6" customHeight="1">
      <c r="A63" s="478" t="s">
        <v>421</v>
      </c>
      <c r="B63" s="456">
        <v>31249</v>
      </c>
      <c r="C63" s="456">
        <v>3480</v>
      </c>
      <c r="D63" s="456">
        <v>16541</v>
      </c>
      <c r="E63" s="456">
        <v>10554</v>
      </c>
      <c r="F63" s="456">
        <v>674</v>
      </c>
      <c r="G63" s="456">
        <v>31412</v>
      </c>
      <c r="H63" s="456">
        <v>3498</v>
      </c>
      <c r="I63" s="456">
        <v>16715</v>
      </c>
      <c r="J63" s="456">
        <v>10525</v>
      </c>
      <c r="K63" s="1145">
        <v>674</v>
      </c>
      <c r="L63" s="457">
        <v>-163</v>
      </c>
      <c r="M63" s="456">
        <v>-18</v>
      </c>
      <c r="N63" s="456">
        <v>-174</v>
      </c>
      <c r="O63" s="456">
        <v>29</v>
      </c>
      <c r="P63" s="456" t="s">
        <v>400</v>
      </c>
      <c r="Q63" s="458">
        <v>-0.5</v>
      </c>
      <c r="R63" s="459">
        <v>-0.5</v>
      </c>
      <c r="S63" s="459">
        <v>-1</v>
      </c>
      <c r="T63" s="460">
        <v>0.3</v>
      </c>
      <c r="U63" s="461" t="s">
        <v>422</v>
      </c>
      <c r="V63" s="459">
        <v>11.4</v>
      </c>
      <c r="W63" s="459">
        <v>54.1</v>
      </c>
      <c r="X63" s="459">
        <v>34.5</v>
      </c>
      <c r="Y63" s="466">
        <v>50.59</v>
      </c>
      <c r="Z63" s="460">
        <v>303.3</v>
      </c>
      <c r="AA63" s="462"/>
    </row>
    <row r="64" spans="1:27" ht="12.6" customHeight="1">
      <c r="A64" s="478" t="s">
        <v>423</v>
      </c>
      <c r="B64" s="456">
        <v>27653</v>
      </c>
      <c r="C64" s="456">
        <v>2852</v>
      </c>
      <c r="D64" s="456">
        <v>15197</v>
      </c>
      <c r="E64" s="456">
        <v>9602</v>
      </c>
      <c r="F64" s="456">
        <v>2</v>
      </c>
      <c r="G64" s="456">
        <v>27897</v>
      </c>
      <c r="H64" s="456">
        <v>2918</v>
      </c>
      <c r="I64" s="456">
        <v>15392</v>
      </c>
      <c r="J64" s="456">
        <v>9585</v>
      </c>
      <c r="K64" s="1145">
        <v>2</v>
      </c>
      <c r="L64" s="457">
        <v>-244</v>
      </c>
      <c r="M64" s="456">
        <v>-66</v>
      </c>
      <c r="N64" s="456">
        <v>-195</v>
      </c>
      <c r="O64" s="456">
        <v>17</v>
      </c>
      <c r="P64" s="456" t="s">
        <v>364</v>
      </c>
      <c r="Q64" s="458">
        <v>-0.9</v>
      </c>
      <c r="R64" s="459">
        <v>-2.2999999999999998</v>
      </c>
      <c r="S64" s="459">
        <v>-1.3</v>
      </c>
      <c r="T64" s="460">
        <v>0.2</v>
      </c>
      <c r="U64" s="461" t="s">
        <v>376</v>
      </c>
      <c r="V64" s="459">
        <v>10.3</v>
      </c>
      <c r="W64" s="459">
        <v>55</v>
      </c>
      <c r="X64" s="459">
        <v>34.700000000000003</v>
      </c>
      <c r="Y64" s="466">
        <v>51.18</v>
      </c>
      <c r="Z64" s="460">
        <v>336.7</v>
      </c>
      <c r="AA64" s="462"/>
    </row>
    <row r="65" spans="1:27" ht="9" customHeight="1">
      <c r="A65" s="478"/>
      <c r="B65" s="456"/>
      <c r="C65" s="456"/>
      <c r="D65" s="456"/>
      <c r="E65" s="456"/>
      <c r="F65" s="456"/>
      <c r="G65" s="456"/>
      <c r="H65" s="456"/>
      <c r="I65" s="456"/>
      <c r="J65" s="456"/>
      <c r="K65" s="1145"/>
      <c r="L65" s="457"/>
      <c r="M65" s="456"/>
      <c r="N65" s="456"/>
      <c r="O65" s="456"/>
      <c r="P65" s="447"/>
      <c r="Q65" s="458"/>
      <c r="R65" s="459"/>
      <c r="S65" s="459"/>
      <c r="T65" s="460"/>
      <c r="U65" s="461"/>
      <c r="V65" s="459"/>
      <c r="W65" s="459"/>
      <c r="X65" s="459"/>
      <c r="Y65" s="462"/>
      <c r="Z65" s="460"/>
      <c r="AA65" s="462"/>
    </row>
    <row r="66" spans="1:27" ht="12.6" customHeight="1">
      <c r="A66" s="479" t="s">
        <v>424</v>
      </c>
      <c r="B66" s="447">
        <v>338290</v>
      </c>
      <c r="C66" s="447">
        <v>36305</v>
      </c>
      <c r="D66" s="447">
        <v>192239</v>
      </c>
      <c r="E66" s="447">
        <v>107994</v>
      </c>
      <c r="F66" s="447">
        <v>1752</v>
      </c>
      <c r="G66" s="447">
        <v>340601</v>
      </c>
      <c r="H66" s="448">
        <v>37100</v>
      </c>
      <c r="I66" s="448">
        <v>194389</v>
      </c>
      <c r="J66" s="448">
        <v>107360</v>
      </c>
      <c r="K66" s="1147">
        <v>1752</v>
      </c>
      <c r="L66" s="448">
        <v>-2311</v>
      </c>
      <c r="M66" s="447">
        <v>-795</v>
      </c>
      <c r="N66" s="447">
        <v>-2150</v>
      </c>
      <c r="O66" s="447">
        <v>634</v>
      </c>
      <c r="P66" s="447" t="s">
        <v>364</v>
      </c>
      <c r="Q66" s="449">
        <v>-0.7</v>
      </c>
      <c r="R66" s="450">
        <v>-2.1</v>
      </c>
      <c r="S66" s="450">
        <v>-1.1000000000000001</v>
      </c>
      <c r="T66" s="451">
        <v>0.6</v>
      </c>
      <c r="U66" s="452" t="s">
        <v>360</v>
      </c>
      <c r="V66" s="450">
        <v>10.8</v>
      </c>
      <c r="W66" s="450">
        <v>57.1</v>
      </c>
      <c r="X66" s="450">
        <v>32.1</v>
      </c>
      <c r="Y66" s="453">
        <v>49.62</v>
      </c>
      <c r="Z66" s="451">
        <v>297.5</v>
      </c>
      <c r="AA66" s="454"/>
    </row>
    <row r="67" spans="1:27" ht="12.6" customHeight="1">
      <c r="A67" s="478" t="s">
        <v>425</v>
      </c>
      <c r="B67" s="456">
        <v>190022</v>
      </c>
      <c r="C67" s="456">
        <v>21024</v>
      </c>
      <c r="D67" s="456">
        <v>110736</v>
      </c>
      <c r="E67" s="456">
        <v>57039</v>
      </c>
      <c r="F67" s="456">
        <v>1223</v>
      </c>
      <c r="G67" s="456">
        <v>190999</v>
      </c>
      <c r="H67" s="456">
        <v>21347</v>
      </c>
      <c r="I67" s="456">
        <v>111789</v>
      </c>
      <c r="J67" s="456">
        <v>56640</v>
      </c>
      <c r="K67" s="1145">
        <v>1223</v>
      </c>
      <c r="L67" s="457">
        <v>-977</v>
      </c>
      <c r="M67" s="456">
        <v>-323</v>
      </c>
      <c r="N67" s="456">
        <v>-1053</v>
      </c>
      <c r="O67" s="456">
        <v>399</v>
      </c>
      <c r="P67" s="456" t="s">
        <v>364</v>
      </c>
      <c r="Q67" s="458">
        <v>-0.5</v>
      </c>
      <c r="R67" s="459">
        <v>-1.5</v>
      </c>
      <c r="S67" s="459">
        <v>-0.9</v>
      </c>
      <c r="T67" s="460">
        <v>0.7</v>
      </c>
      <c r="U67" s="461" t="s">
        <v>360</v>
      </c>
      <c r="V67" s="459">
        <v>11.1</v>
      </c>
      <c r="W67" s="459">
        <v>58.7</v>
      </c>
      <c r="X67" s="459">
        <v>30.2</v>
      </c>
      <c r="Y67" s="466">
        <v>48.76</v>
      </c>
      <c r="Z67" s="460">
        <v>271.3</v>
      </c>
      <c r="AA67" s="462"/>
    </row>
    <row r="68" spans="1:27" ht="12.6" customHeight="1">
      <c r="A68" s="478" t="s">
        <v>426</v>
      </c>
      <c r="B68" s="456">
        <v>41685</v>
      </c>
      <c r="C68" s="456">
        <v>4724</v>
      </c>
      <c r="D68" s="456">
        <v>23271</v>
      </c>
      <c r="E68" s="456">
        <v>13624</v>
      </c>
      <c r="F68" s="456">
        <v>66</v>
      </c>
      <c r="G68" s="456">
        <v>42176</v>
      </c>
      <c r="H68" s="456">
        <v>4883</v>
      </c>
      <c r="I68" s="456">
        <v>23701</v>
      </c>
      <c r="J68" s="456">
        <v>13526</v>
      </c>
      <c r="K68" s="1145">
        <v>66</v>
      </c>
      <c r="L68" s="457">
        <v>-491</v>
      </c>
      <c r="M68" s="456">
        <v>-159</v>
      </c>
      <c r="N68" s="456">
        <v>-430</v>
      </c>
      <c r="O68" s="456">
        <v>98</v>
      </c>
      <c r="P68" s="456" t="s">
        <v>364</v>
      </c>
      <c r="Q68" s="458">
        <v>-1.2</v>
      </c>
      <c r="R68" s="459">
        <v>-3.3</v>
      </c>
      <c r="S68" s="459">
        <v>-1.8</v>
      </c>
      <c r="T68" s="460">
        <v>0.7</v>
      </c>
      <c r="U68" s="461" t="s">
        <v>415</v>
      </c>
      <c r="V68" s="459">
        <v>11.4</v>
      </c>
      <c r="W68" s="459">
        <v>55.9</v>
      </c>
      <c r="X68" s="459">
        <v>32.700000000000003</v>
      </c>
      <c r="Y68" s="466">
        <v>49.65</v>
      </c>
      <c r="Z68" s="460">
        <v>288.39999999999998</v>
      </c>
      <c r="AA68" s="462"/>
    </row>
    <row r="69" spans="1:27" ht="12.6" customHeight="1">
      <c r="A69" s="478" t="s">
        <v>427</v>
      </c>
      <c r="B69" s="456">
        <v>9357</v>
      </c>
      <c r="C69" s="456">
        <v>917</v>
      </c>
      <c r="D69" s="456">
        <v>5130</v>
      </c>
      <c r="E69" s="456">
        <v>3302</v>
      </c>
      <c r="F69" s="456">
        <v>8</v>
      </c>
      <c r="G69" s="456">
        <v>9445</v>
      </c>
      <c r="H69" s="456">
        <v>956</v>
      </c>
      <c r="I69" s="456">
        <v>5225</v>
      </c>
      <c r="J69" s="456">
        <v>3256</v>
      </c>
      <c r="K69" s="1145">
        <v>8</v>
      </c>
      <c r="L69" s="457">
        <v>-88</v>
      </c>
      <c r="M69" s="456">
        <v>-39</v>
      </c>
      <c r="N69" s="456">
        <v>-95</v>
      </c>
      <c r="O69" s="456">
        <v>46</v>
      </c>
      <c r="P69" s="456" t="s">
        <v>364</v>
      </c>
      <c r="Q69" s="458">
        <v>-0.9</v>
      </c>
      <c r="R69" s="459">
        <v>-4.0999999999999996</v>
      </c>
      <c r="S69" s="459">
        <v>-1.8</v>
      </c>
      <c r="T69" s="460">
        <v>1.4</v>
      </c>
      <c r="U69" s="461" t="s">
        <v>360</v>
      </c>
      <c r="V69" s="459">
        <v>9.8000000000000007</v>
      </c>
      <c r="W69" s="459">
        <v>54.9</v>
      </c>
      <c r="X69" s="459">
        <v>35.299999999999997</v>
      </c>
      <c r="Y69" s="466">
        <v>50.96</v>
      </c>
      <c r="Z69" s="460">
        <v>360.1</v>
      </c>
      <c r="AA69" s="462"/>
    </row>
    <row r="70" spans="1:27" ht="12.6" customHeight="1">
      <c r="A70" s="478" t="s">
        <v>428</v>
      </c>
      <c r="B70" s="456">
        <v>17082</v>
      </c>
      <c r="C70" s="456">
        <v>2064</v>
      </c>
      <c r="D70" s="456">
        <v>10143</v>
      </c>
      <c r="E70" s="456">
        <v>4841</v>
      </c>
      <c r="F70" s="456">
        <v>34</v>
      </c>
      <c r="G70" s="456">
        <v>17036</v>
      </c>
      <c r="H70" s="456">
        <v>2102</v>
      </c>
      <c r="I70" s="456">
        <v>10120</v>
      </c>
      <c r="J70" s="456">
        <v>4780</v>
      </c>
      <c r="K70" s="1145">
        <v>34</v>
      </c>
      <c r="L70" s="457">
        <v>46</v>
      </c>
      <c r="M70" s="456">
        <v>-38</v>
      </c>
      <c r="N70" s="456">
        <v>23</v>
      </c>
      <c r="O70" s="456">
        <v>61</v>
      </c>
      <c r="P70" s="456" t="s">
        <v>362</v>
      </c>
      <c r="Q70" s="458">
        <v>0.3</v>
      </c>
      <c r="R70" s="459">
        <v>-1.8</v>
      </c>
      <c r="S70" s="459">
        <v>0.2</v>
      </c>
      <c r="T70" s="460">
        <v>1.3</v>
      </c>
      <c r="U70" s="461" t="s">
        <v>366</v>
      </c>
      <c r="V70" s="459">
        <v>12.1</v>
      </c>
      <c r="W70" s="459">
        <v>59.5</v>
      </c>
      <c r="X70" s="459">
        <v>28.4</v>
      </c>
      <c r="Y70" s="466">
        <v>47.14</v>
      </c>
      <c r="Z70" s="460">
        <v>234.5</v>
      </c>
      <c r="AA70" s="462"/>
    </row>
    <row r="71" spans="1:27" ht="12.6" customHeight="1">
      <c r="A71" s="478" t="s">
        <v>429</v>
      </c>
      <c r="B71" s="456">
        <v>10802</v>
      </c>
      <c r="C71" s="456">
        <v>1064</v>
      </c>
      <c r="D71" s="456">
        <v>6139</v>
      </c>
      <c r="E71" s="456">
        <v>3595</v>
      </c>
      <c r="F71" s="456">
        <v>4</v>
      </c>
      <c r="G71" s="456">
        <v>10928</v>
      </c>
      <c r="H71" s="456">
        <v>1065</v>
      </c>
      <c r="I71" s="456">
        <v>6250</v>
      </c>
      <c r="J71" s="456">
        <v>3609</v>
      </c>
      <c r="K71" s="1145">
        <v>4</v>
      </c>
      <c r="L71" s="457">
        <v>-126</v>
      </c>
      <c r="M71" s="456">
        <v>-1</v>
      </c>
      <c r="N71" s="456">
        <v>-111</v>
      </c>
      <c r="O71" s="456">
        <v>-14</v>
      </c>
      <c r="P71" s="456" t="s">
        <v>364</v>
      </c>
      <c r="Q71" s="458">
        <v>-1.2</v>
      </c>
      <c r="R71" s="459">
        <v>-0.1</v>
      </c>
      <c r="S71" s="459">
        <v>-1.8</v>
      </c>
      <c r="T71" s="460">
        <v>-0.4</v>
      </c>
      <c r="U71" s="461" t="s">
        <v>366</v>
      </c>
      <c r="V71" s="459">
        <v>9.9</v>
      </c>
      <c r="W71" s="459">
        <v>56.9</v>
      </c>
      <c r="X71" s="459">
        <v>33.299999999999997</v>
      </c>
      <c r="Y71" s="466">
        <v>50.51</v>
      </c>
      <c r="Z71" s="460">
        <v>337.9</v>
      </c>
      <c r="AA71" s="462"/>
    </row>
    <row r="72" spans="1:27" ht="12.6" customHeight="1">
      <c r="A72" s="478" t="s">
        <v>430</v>
      </c>
      <c r="B72" s="456">
        <v>9637</v>
      </c>
      <c r="C72" s="456">
        <v>836</v>
      </c>
      <c r="D72" s="456">
        <v>4981</v>
      </c>
      <c r="E72" s="456">
        <v>3820</v>
      </c>
      <c r="F72" s="456">
        <v>0</v>
      </c>
      <c r="G72" s="456">
        <v>9841</v>
      </c>
      <c r="H72" s="456">
        <v>873</v>
      </c>
      <c r="I72" s="456">
        <v>5155</v>
      </c>
      <c r="J72" s="456">
        <v>3813</v>
      </c>
      <c r="K72" s="1145">
        <v>0</v>
      </c>
      <c r="L72" s="457">
        <v>-204</v>
      </c>
      <c r="M72" s="456">
        <v>-37</v>
      </c>
      <c r="N72" s="456">
        <v>-174</v>
      </c>
      <c r="O72" s="456">
        <v>7</v>
      </c>
      <c r="P72" s="456" t="s">
        <v>364</v>
      </c>
      <c r="Q72" s="458">
        <v>-2.1</v>
      </c>
      <c r="R72" s="459">
        <v>-4.2</v>
      </c>
      <c r="S72" s="459">
        <v>-3.4</v>
      </c>
      <c r="T72" s="460">
        <v>0.2</v>
      </c>
      <c r="U72" s="461" t="s">
        <v>366</v>
      </c>
      <c r="V72" s="459">
        <v>8.6999999999999993</v>
      </c>
      <c r="W72" s="459">
        <v>51.7</v>
      </c>
      <c r="X72" s="459">
        <v>39.6</v>
      </c>
      <c r="Y72" s="466">
        <v>53.74</v>
      </c>
      <c r="Z72" s="460">
        <v>456.9</v>
      </c>
      <c r="AA72" s="462"/>
    </row>
    <row r="73" spans="1:27" ht="12.6" customHeight="1">
      <c r="A73" s="478" t="s">
        <v>431</v>
      </c>
      <c r="B73" s="456">
        <v>18083</v>
      </c>
      <c r="C73" s="456">
        <v>2696</v>
      </c>
      <c r="D73" s="456">
        <v>10645</v>
      </c>
      <c r="E73" s="456">
        <v>4708</v>
      </c>
      <c r="F73" s="456">
        <v>34</v>
      </c>
      <c r="G73" s="456">
        <v>17820</v>
      </c>
      <c r="H73" s="456">
        <v>2695</v>
      </c>
      <c r="I73" s="456">
        <v>10464</v>
      </c>
      <c r="J73" s="456">
        <v>4627</v>
      </c>
      <c r="K73" s="1145">
        <v>34</v>
      </c>
      <c r="L73" s="457">
        <v>263</v>
      </c>
      <c r="M73" s="456">
        <v>1</v>
      </c>
      <c r="N73" s="456">
        <v>181</v>
      </c>
      <c r="O73" s="456">
        <v>81</v>
      </c>
      <c r="P73" s="456" t="s">
        <v>364</v>
      </c>
      <c r="Q73" s="458">
        <v>1.5</v>
      </c>
      <c r="R73" s="459">
        <v>0</v>
      </c>
      <c r="S73" s="459">
        <v>1.7</v>
      </c>
      <c r="T73" s="460">
        <v>1.8</v>
      </c>
      <c r="U73" s="461" t="s">
        <v>360</v>
      </c>
      <c r="V73" s="459">
        <v>14.9</v>
      </c>
      <c r="W73" s="459">
        <v>59</v>
      </c>
      <c r="X73" s="459">
        <v>26.1</v>
      </c>
      <c r="Y73" s="466">
        <v>45.64</v>
      </c>
      <c r="Z73" s="460">
        <v>174.6</v>
      </c>
      <c r="AA73" s="462"/>
    </row>
    <row r="74" spans="1:27" ht="12.6" customHeight="1">
      <c r="A74" s="478" t="s">
        <v>432</v>
      </c>
      <c r="B74" s="456">
        <v>11102</v>
      </c>
      <c r="C74" s="456">
        <v>683</v>
      </c>
      <c r="D74" s="456">
        <v>6092</v>
      </c>
      <c r="E74" s="456">
        <v>4073</v>
      </c>
      <c r="F74" s="456">
        <v>254</v>
      </c>
      <c r="G74" s="456">
        <v>11289</v>
      </c>
      <c r="H74" s="456">
        <v>746</v>
      </c>
      <c r="I74" s="456">
        <v>6187</v>
      </c>
      <c r="J74" s="456">
        <v>4102</v>
      </c>
      <c r="K74" s="1145">
        <v>254</v>
      </c>
      <c r="L74" s="457">
        <v>-187</v>
      </c>
      <c r="M74" s="456">
        <v>-63</v>
      </c>
      <c r="N74" s="456">
        <v>-95</v>
      </c>
      <c r="O74" s="456">
        <v>-29</v>
      </c>
      <c r="P74" s="456" t="s">
        <v>364</v>
      </c>
      <c r="Q74" s="458">
        <v>-1.7</v>
      </c>
      <c r="R74" s="459">
        <v>-8.4</v>
      </c>
      <c r="S74" s="459">
        <v>-1.5</v>
      </c>
      <c r="T74" s="460">
        <v>-0.7</v>
      </c>
      <c r="U74" s="461" t="s">
        <v>360</v>
      </c>
      <c r="V74" s="459">
        <v>6.3</v>
      </c>
      <c r="W74" s="459">
        <v>56.2</v>
      </c>
      <c r="X74" s="459">
        <v>37.5</v>
      </c>
      <c r="Y74" s="466">
        <v>52.35</v>
      </c>
      <c r="Z74" s="460">
        <v>596.29999999999995</v>
      </c>
      <c r="AA74" s="462"/>
    </row>
    <row r="75" spans="1:27" ht="12.6" customHeight="1">
      <c r="A75" s="478" t="s">
        <v>433</v>
      </c>
      <c r="B75" s="456">
        <v>6799</v>
      </c>
      <c r="C75" s="456">
        <v>470</v>
      </c>
      <c r="D75" s="456">
        <v>3439</v>
      </c>
      <c r="E75" s="456">
        <v>2889</v>
      </c>
      <c r="F75" s="456">
        <v>1</v>
      </c>
      <c r="G75" s="456">
        <v>6929</v>
      </c>
      <c r="H75" s="456">
        <v>503</v>
      </c>
      <c r="I75" s="456">
        <v>3526</v>
      </c>
      <c r="J75" s="456">
        <v>2899</v>
      </c>
      <c r="K75" s="1145">
        <v>1</v>
      </c>
      <c r="L75" s="457">
        <v>-130</v>
      </c>
      <c r="M75" s="456">
        <v>-33</v>
      </c>
      <c r="N75" s="456">
        <v>-87</v>
      </c>
      <c r="O75" s="456">
        <v>-10</v>
      </c>
      <c r="P75" s="456" t="s">
        <v>362</v>
      </c>
      <c r="Q75" s="458">
        <v>-1.9</v>
      </c>
      <c r="R75" s="459">
        <v>-6.6</v>
      </c>
      <c r="S75" s="459">
        <v>-2.5</v>
      </c>
      <c r="T75" s="460">
        <v>-0.3</v>
      </c>
      <c r="U75" s="461" t="s">
        <v>360</v>
      </c>
      <c r="V75" s="459">
        <v>6.9</v>
      </c>
      <c r="W75" s="459">
        <v>50.6</v>
      </c>
      <c r="X75" s="459">
        <v>42.5</v>
      </c>
      <c r="Y75" s="466">
        <v>55.99</v>
      </c>
      <c r="Z75" s="460">
        <v>614.70000000000005</v>
      </c>
      <c r="AA75" s="462"/>
    </row>
    <row r="76" spans="1:27" ht="12.6" customHeight="1">
      <c r="A76" s="478" t="s">
        <v>434</v>
      </c>
      <c r="B76" s="456">
        <v>23721</v>
      </c>
      <c r="C76" s="456">
        <v>1827</v>
      </c>
      <c r="D76" s="456">
        <v>11663</v>
      </c>
      <c r="E76" s="456">
        <v>10103</v>
      </c>
      <c r="F76" s="456">
        <v>128</v>
      </c>
      <c r="G76" s="456">
        <v>24138</v>
      </c>
      <c r="H76" s="456">
        <v>1930</v>
      </c>
      <c r="I76" s="456">
        <v>11972</v>
      </c>
      <c r="J76" s="456">
        <v>10108</v>
      </c>
      <c r="K76" s="1145">
        <v>128</v>
      </c>
      <c r="L76" s="457">
        <v>-417</v>
      </c>
      <c r="M76" s="456">
        <v>-103</v>
      </c>
      <c r="N76" s="456">
        <v>-309</v>
      </c>
      <c r="O76" s="456">
        <v>-5</v>
      </c>
      <c r="P76" s="456" t="s">
        <v>400</v>
      </c>
      <c r="Q76" s="458">
        <v>-1.7</v>
      </c>
      <c r="R76" s="459">
        <v>-5.3</v>
      </c>
      <c r="S76" s="459">
        <v>-2.6</v>
      </c>
      <c r="T76" s="482">
        <v>-4.9000000000000002E-2</v>
      </c>
      <c r="U76" s="461" t="s">
        <v>360</v>
      </c>
      <c r="V76" s="459">
        <v>7.7</v>
      </c>
      <c r="W76" s="459">
        <v>49.4</v>
      </c>
      <c r="X76" s="459">
        <v>42.8</v>
      </c>
      <c r="Y76" s="466">
        <v>55.65</v>
      </c>
      <c r="Z76" s="460">
        <v>553</v>
      </c>
      <c r="AA76" s="462"/>
    </row>
    <row r="77" spans="1:27" s="165" customFormat="1" ht="9" customHeight="1">
      <c r="A77" s="483"/>
      <c r="B77" s="456"/>
      <c r="C77" s="456"/>
      <c r="D77" s="456"/>
      <c r="E77" s="456"/>
      <c r="F77" s="456"/>
      <c r="G77" s="456"/>
      <c r="H77" s="456"/>
      <c r="I77" s="456"/>
      <c r="J77" s="456"/>
      <c r="K77" s="1145"/>
      <c r="L77" s="457"/>
      <c r="M77" s="456"/>
      <c r="N77" s="456"/>
      <c r="O77" s="456"/>
      <c r="P77" s="447"/>
      <c r="Q77" s="458"/>
      <c r="R77" s="459"/>
      <c r="S77" s="459"/>
      <c r="T77" s="460"/>
      <c r="U77" s="459"/>
      <c r="V77" s="459"/>
      <c r="W77" s="459"/>
      <c r="X77" s="459"/>
      <c r="Y77" s="462"/>
      <c r="Z77" s="460"/>
      <c r="AA77" s="462"/>
    </row>
    <row r="78" spans="1:27" s="165" customFormat="1" ht="12.6" customHeight="1">
      <c r="A78" s="483"/>
      <c r="B78" s="456"/>
      <c r="C78" s="456"/>
      <c r="D78" s="456"/>
      <c r="E78" s="456"/>
      <c r="F78" s="456"/>
      <c r="G78" s="456"/>
      <c r="H78" s="456"/>
      <c r="I78" s="456"/>
      <c r="J78" s="456"/>
      <c r="K78" s="1145"/>
      <c r="L78" s="457"/>
      <c r="M78" s="456"/>
      <c r="N78" s="456"/>
      <c r="O78" s="456"/>
      <c r="P78" s="447"/>
      <c r="Q78" s="458"/>
      <c r="R78" s="459"/>
      <c r="S78" s="459"/>
      <c r="T78" s="460"/>
      <c r="U78" s="459"/>
      <c r="V78" s="459"/>
      <c r="W78" s="459"/>
      <c r="X78" s="459"/>
      <c r="Y78" s="466"/>
      <c r="Z78" s="460"/>
      <c r="AA78" s="462"/>
    </row>
    <row r="79" spans="1:27" s="165" customFormat="1" ht="12.6" customHeight="1">
      <c r="A79" s="483"/>
      <c r="B79" s="456"/>
      <c r="C79" s="456"/>
      <c r="D79" s="456"/>
      <c r="E79" s="456"/>
      <c r="F79" s="456"/>
      <c r="G79" s="456"/>
      <c r="H79" s="456"/>
      <c r="I79" s="456"/>
      <c r="J79" s="456" t="s">
        <v>435</v>
      </c>
      <c r="K79" s="1145"/>
      <c r="L79" s="457"/>
      <c r="M79" s="456"/>
      <c r="N79" s="456"/>
      <c r="O79" s="456"/>
      <c r="P79" s="447"/>
      <c r="Q79" s="458"/>
      <c r="R79" s="459"/>
      <c r="S79" s="459"/>
      <c r="T79" s="460"/>
      <c r="U79" s="459"/>
      <c r="V79" s="459"/>
      <c r="W79" s="459"/>
      <c r="X79" s="459"/>
      <c r="Y79" s="466"/>
      <c r="Z79" s="460"/>
      <c r="AA79" s="462"/>
    </row>
    <row r="80" spans="1:27" s="165" customFormat="1" ht="12.6" customHeight="1" thickBot="1">
      <c r="A80" s="484"/>
      <c r="B80" s="485"/>
      <c r="C80" s="485"/>
      <c r="D80" s="485"/>
      <c r="E80" s="485"/>
      <c r="F80" s="485"/>
      <c r="G80" s="485"/>
      <c r="H80" s="485"/>
      <c r="I80" s="485"/>
      <c r="J80" s="485"/>
      <c r="K80" s="1148"/>
      <c r="L80" s="486"/>
      <c r="M80" s="485"/>
      <c r="N80" s="485"/>
      <c r="O80" s="485"/>
      <c r="P80" s="487"/>
      <c r="Q80" s="488"/>
      <c r="R80" s="489"/>
      <c r="S80" s="489"/>
      <c r="T80" s="490"/>
      <c r="U80" s="489"/>
      <c r="V80" s="489"/>
      <c r="W80" s="489"/>
      <c r="X80" s="489"/>
      <c r="Y80" s="491"/>
      <c r="Z80" s="490"/>
      <c r="AA80" s="462"/>
    </row>
    <row r="81" spans="1:27" ht="15.95" customHeight="1" thickTop="1">
      <c r="A81" s="492" t="s">
        <v>436</v>
      </c>
      <c r="L81" s="544"/>
      <c r="M81" s="544"/>
      <c r="N81" s="544"/>
      <c r="O81" s="544"/>
      <c r="P81" s="544"/>
      <c r="Q81" s="544"/>
      <c r="R81" s="544"/>
      <c r="S81" s="544"/>
      <c r="T81" s="544"/>
      <c r="U81" s="544"/>
      <c r="V81" s="544"/>
      <c r="W81" s="544"/>
      <c r="X81" s="544"/>
      <c r="Y81" s="544"/>
      <c r="Z81" s="544"/>
      <c r="AA81" s="544"/>
    </row>
  </sheetData>
  <mergeCells count="5">
    <mergeCell ref="B2:F2"/>
    <mergeCell ref="G2:K2"/>
    <mergeCell ref="L2:O2"/>
    <mergeCell ref="Q2:T2"/>
    <mergeCell ref="U2:X2"/>
  </mergeCells>
  <phoneticPr fontId="2"/>
  <printOptions horizontalCentered="1" gridLinesSet="0"/>
  <pageMargins left="0.59055118110236227" right="0.59055118110236227" top="0.59055118110236227" bottom="0.59055118110236227" header="0" footer="0"/>
  <pageSetup paperSize="9" scale="82" firstPageNumber="16" fitToWidth="0" orientation="portrait" blackAndWhite="1" r:id="rId1"/>
  <headerFooter differentOddEven="1" scaleWithDoc="0">
    <oddFooter xml:space="preserve">&amp;C&amp;"ＭＳ ゴシック,太字"&amp;10-16-&amp;"ＭＳ Ｐゴシック,標準"&amp;11
</oddFooter>
    <evenFooter>&amp;C&amp;"ＭＳ ゴシック,太字"&amp;10-17-</even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3</vt:i4>
      </vt:variant>
      <vt:variant>
        <vt:lpstr>名前付き一覧</vt:lpstr>
      </vt:variant>
      <vt:variant>
        <vt:i4>26</vt:i4>
      </vt:variant>
    </vt:vector>
  </HeadingPairs>
  <TitlesOfParts>
    <vt:vector size="59" baseType="lpstr">
      <vt:lpstr>表１・２</vt:lpstr>
      <vt:lpstr>表３</vt:lpstr>
      <vt:lpstr>表４・5</vt:lpstr>
      <vt:lpstr>表６</vt:lpstr>
      <vt:lpstr>表７</vt:lpstr>
      <vt:lpstr>表８</vt:lpstr>
      <vt:lpstr>表９</vt:lpstr>
      <vt:lpstr>表10</vt:lpstr>
      <vt:lpstr>表11-1</vt:lpstr>
      <vt:lpstr>表11-2</vt:lpstr>
      <vt:lpstr>表11-3</vt:lpstr>
      <vt:lpstr>表12</vt:lpstr>
      <vt:lpstr>表13</vt:lpstr>
      <vt:lpstr>表14-1</vt:lpstr>
      <vt:lpstr>表14-2</vt:lpstr>
      <vt:lpstr>表14-3</vt:lpstr>
      <vt:lpstr>表14-4</vt:lpstr>
      <vt:lpstr>表14-5</vt:lpstr>
      <vt:lpstr>表14-6</vt:lpstr>
      <vt:lpstr>表14-7</vt:lpstr>
      <vt:lpstr>表15-1</vt:lpstr>
      <vt:lpstr>表15-2</vt:lpstr>
      <vt:lpstr>表15-3</vt:lpstr>
      <vt:lpstr>表15-4</vt:lpstr>
      <vt:lpstr>表15-5</vt:lpstr>
      <vt:lpstr>表15-6</vt:lpstr>
      <vt:lpstr>表15-7</vt:lpstr>
      <vt:lpstr>表16-1</vt:lpstr>
      <vt:lpstr>表16-2</vt:lpstr>
      <vt:lpstr>表16-3</vt:lpstr>
      <vt:lpstr>表16-4</vt:lpstr>
      <vt:lpstr>参考資料１</vt:lpstr>
      <vt:lpstr>参考資料２</vt:lpstr>
      <vt:lpstr>参考資料１!Print_Area</vt:lpstr>
      <vt:lpstr>参考資料２!Print_Area</vt:lpstr>
      <vt:lpstr>表１・２!Print_Area</vt:lpstr>
      <vt:lpstr>'表11-1'!Print_Area</vt:lpstr>
      <vt:lpstr>'表11-2'!Print_Area</vt:lpstr>
      <vt:lpstr>'表11-3'!Print_Area</vt:lpstr>
      <vt:lpstr>表12!Print_Area</vt:lpstr>
      <vt:lpstr>表13!Print_Area</vt:lpstr>
      <vt:lpstr>'表14-1'!Print_Area</vt:lpstr>
      <vt:lpstr>'表14-2'!Print_Area</vt:lpstr>
      <vt:lpstr>'表14-3'!Print_Area</vt:lpstr>
      <vt:lpstr>'表14-4'!Print_Area</vt:lpstr>
      <vt:lpstr>'表14-5'!Print_Area</vt:lpstr>
      <vt:lpstr>'表14-6'!Print_Area</vt:lpstr>
      <vt:lpstr>'表14-7'!Print_Area</vt:lpstr>
      <vt:lpstr>'表15-1'!Print_Area</vt:lpstr>
      <vt:lpstr>'表16-1'!Print_Area</vt:lpstr>
      <vt:lpstr>'表16-2'!Print_Area</vt:lpstr>
      <vt:lpstr>'表16-3'!Print_Area</vt:lpstr>
      <vt:lpstr>'表16-4'!Print_Area</vt:lpstr>
      <vt:lpstr>表３!Print_Area</vt:lpstr>
      <vt:lpstr>表４・5!Print_Area</vt:lpstr>
      <vt:lpstr>表６!Print_Area</vt:lpstr>
      <vt:lpstr>表７!Print_Area</vt:lpstr>
      <vt:lpstr>表８!Print_Area</vt:lpstr>
      <vt:lpstr>表９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統計</dc:creator>
  <cp:lastModifiedBy>user</cp:lastModifiedBy>
  <cp:lastPrinted>2020-07-28T01:48:46Z</cp:lastPrinted>
  <dcterms:created xsi:type="dcterms:W3CDTF">2003-07-07T08:22:45Z</dcterms:created>
  <dcterms:modified xsi:type="dcterms:W3CDTF">2020-07-28T04:32:26Z</dcterms:modified>
</cp:coreProperties>
</file>